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029"/>
  <workbookPr defaultThemeVersion="124226"/>
  <mc:AlternateContent xmlns:mc="http://schemas.openxmlformats.org/markup-compatibility/2006">
    <mc:Choice Requires="x15">
      <x15ac:absPath xmlns:x15ac="http://schemas.microsoft.com/office/spreadsheetml/2010/11/ac" url="C:\Users\s010771\Desktop\"/>
    </mc:Choice>
  </mc:AlternateContent>
  <xr:revisionPtr revIDLastSave="0" documentId="8_{DDBB56B6-1E04-448B-9CC1-EC1D806E9005}" xr6:coauthVersionLast="47" xr6:coauthVersionMax="47" xr10:uidLastSave="{00000000-0000-0000-0000-000000000000}"/>
  <bookViews>
    <workbookView xWindow="-120" yWindow="-120" windowWidth="29040" windowHeight="15720" xr2:uid="{50CAC48C-BAE1-4D11-947D-60294F7969BC}"/>
  </bookViews>
  <sheets>
    <sheet name="別紙3－2" sheetId="1" r:id="rId1"/>
  </sheets>
  <definedNames>
    <definedName name="ｋ">#N/A</definedName>
    <definedName name="_xlnm.Print_Area" localSheetId="0">'別紙3－2'!$A$1:$AK$80</definedName>
    <definedName name="サービス名">#N/A</definedName>
    <definedName name="サービス名称">#N/A</definedName>
    <definedName name="だだ">#N/A</definedName>
    <definedName name="っっｋ">#N/A</definedName>
    <definedName name="っっっっｌ">#N/A</definedName>
    <definedName name="確認">#N/A</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43" uniqueCount="102">
  <si>
    <t>（別紙３－２）</t>
    <rPh sb="1" eb="3">
      <t>ベッシ</t>
    </rPh>
    <phoneticPr fontId="3"/>
  </si>
  <si>
    <t>受付番号</t>
    <phoneticPr fontId="3"/>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3"/>
  </si>
  <si>
    <t>令和</t>
    <rPh sb="0" eb="2">
      <t>レイワ</t>
    </rPh>
    <phoneticPr fontId="3"/>
  </si>
  <si>
    <t>年</t>
    <rPh sb="0" eb="1">
      <t>ネン</t>
    </rPh>
    <phoneticPr fontId="3"/>
  </si>
  <si>
    <t>月</t>
    <rPh sb="0" eb="1">
      <t>ゲツ</t>
    </rPh>
    <phoneticPr fontId="3"/>
  </si>
  <si>
    <t>殿</t>
    <rPh sb="0" eb="1">
      <t>ドノ</t>
    </rPh>
    <phoneticPr fontId="3"/>
  </si>
  <si>
    <t>届　出　者</t>
    <phoneticPr fontId="3"/>
  </si>
  <si>
    <t>フリガナ</t>
  </si>
  <si>
    <t>名　　称</t>
    <phoneticPr fontId="3"/>
  </si>
  <si>
    <t>主たる事務所の所在地</t>
    <phoneticPr fontId="3"/>
  </si>
  <si>
    <t>(郵便番号</t>
    <phoneticPr fontId="3"/>
  </si>
  <si>
    <t>ー</t>
    <phoneticPr fontId="3"/>
  </si>
  <si>
    <t>）</t>
    <phoneticPr fontId="3"/>
  </si>
  <si>
    <t>　　　　　</t>
    <phoneticPr fontId="3"/>
  </si>
  <si>
    <t>県</t>
    <rPh sb="0" eb="1">
      <t>ケン</t>
    </rPh>
    <phoneticPr fontId="3"/>
  </si>
  <si>
    <t>群市</t>
    <rPh sb="0" eb="1">
      <t>グン</t>
    </rPh>
    <rPh sb="1" eb="2">
      <t>シ</t>
    </rPh>
    <phoneticPr fontId="3"/>
  </si>
  <si>
    <t>　(ビルの名称等)</t>
  </si>
  <si>
    <t>連 絡 先</t>
    <phoneticPr fontId="3"/>
  </si>
  <si>
    <t>電話番号</t>
  </si>
  <si>
    <t>FAX番号</t>
  </si>
  <si>
    <t>法人である場合その種別</t>
    <rPh sb="5" eb="7">
      <t>バアイ</t>
    </rPh>
    <phoneticPr fontId="3"/>
  </si>
  <si>
    <t>法人所轄庁</t>
  </si>
  <si>
    <t>代表者の職・氏名</t>
  </si>
  <si>
    <t>職名</t>
  </si>
  <si>
    <t>氏名</t>
  </si>
  <si>
    <t>代表者の住所</t>
  </si>
  <si>
    <t>事業所の状況</t>
    <phoneticPr fontId="3"/>
  </si>
  <si>
    <t>フリガナ</t>
    <phoneticPr fontId="3"/>
  </si>
  <si>
    <t>事業所・施設の名称</t>
    <phoneticPr fontId="3"/>
  </si>
  <si>
    <t>主たる事業所の所在地</t>
    <rPh sb="3" eb="6">
      <t>ジギョウショ</t>
    </rPh>
    <phoneticPr fontId="3"/>
  </si>
  <si>
    <t>主たる事業所の所在地以外の場所で一部実施する場合の出張所等の所在地</t>
  </si>
  <si>
    <t>管理者の氏名</t>
  </si>
  <si>
    <t>管理者の住所</t>
  </si>
  <si>
    <t>届出を行う事業所の状況</t>
    <rPh sb="9" eb="11">
      <t>ジョウキョウ</t>
    </rPh>
    <phoneticPr fontId="3"/>
  </si>
  <si>
    <t>同一所在地において行う　　　　　　　　　　　　　　　事業等の種類</t>
    <phoneticPr fontId="3"/>
  </si>
  <si>
    <t>実施事業</t>
  </si>
  <si>
    <t>指定年</t>
    <rPh sb="0" eb="2">
      <t>シテイ</t>
    </rPh>
    <rPh sb="2" eb="3">
      <t>ネン</t>
    </rPh>
    <phoneticPr fontId="3"/>
  </si>
  <si>
    <t>異動等の区分</t>
  </si>
  <si>
    <t>異動（予定）</t>
    <phoneticPr fontId="3"/>
  </si>
  <si>
    <t>異動項目</t>
    <phoneticPr fontId="3"/>
  </si>
  <si>
    <t>市町村が定める単位の有無</t>
    <rPh sb="0" eb="3">
      <t>シチョウソン</t>
    </rPh>
    <rPh sb="4" eb="5">
      <t>サダ</t>
    </rPh>
    <rPh sb="7" eb="9">
      <t>タンイ</t>
    </rPh>
    <rPh sb="10" eb="12">
      <t>ウム</t>
    </rPh>
    <phoneticPr fontId="3"/>
  </si>
  <si>
    <t>月日</t>
    <rPh sb="0" eb="2">
      <t>ガッピ</t>
    </rPh>
    <phoneticPr fontId="3"/>
  </si>
  <si>
    <t>年月日</t>
    <rPh sb="0" eb="3">
      <t>ネンガッピ</t>
    </rPh>
    <phoneticPr fontId="3"/>
  </si>
  <si>
    <t>(※変更の場合)</t>
    <rPh sb="2" eb="4">
      <t>ヘンコウ</t>
    </rPh>
    <rPh sb="5" eb="7">
      <t>バアイ</t>
    </rPh>
    <phoneticPr fontId="3"/>
  </si>
  <si>
    <t>(市町村記載)</t>
    <rPh sb="1" eb="4">
      <t>シチョウソン</t>
    </rPh>
    <rPh sb="4" eb="6">
      <t>キサイ</t>
    </rPh>
    <phoneticPr fontId="3"/>
  </si>
  <si>
    <t>地域密着型サービス</t>
    <phoneticPr fontId="3"/>
  </si>
  <si>
    <t>夜間対応型訪問介護</t>
    <rPh sb="0" eb="2">
      <t>ヤカン</t>
    </rPh>
    <rPh sb="2" eb="5">
      <t>タイオウガタ</t>
    </rPh>
    <phoneticPr fontId="3"/>
  </si>
  <si>
    <t>□</t>
  </si>
  <si>
    <t>1新規</t>
  </si>
  <si>
    <t>2変更</t>
    <phoneticPr fontId="3"/>
  </si>
  <si>
    <t>3終了</t>
    <phoneticPr fontId="3"/>
  </si>
  <si>
    <t>1 有</t>
    <rPh sb="2" eb="3">
      <t>ア</t>
    </rPh>
    <phoneticPr fontId="3"/>
  </si>
  <si>
    <t>地域密着型通所介護</t>
    <rPh sb="0" eb="2">
      <t>チイキ</t>
    </rPh>
    <rPh sb="2" eb="4">
      <t>ミッチャク</t>
    </rPh>
    <rPh sb="4" eb="5">
      <t>ガタ</t>
    </rPh>
    <rPh sb="5" eb="7">
      <t>ツウショ</t>
    </rPh>
    <rPh sb="7" eb="9">
      <t>カイゴ</t>
    </rPh>
    <phoneticPr fontId="3"/>
  </si>
  <si>
    <t>療養通所介護</t>
    <rPh sb="0" eb="2">
      <t>リョウヨウ</t>
    </rPh>
    <rPh sb="2" eb="4">
      <t>ツウショ</t>
    </rPh>
    <rPh sb="4" eb="6">
      <t>カイゴ</t>
    </rPh>
    <phoneticPr fontId="3"/>
  </si>
  <si>
    <t>認知症対応型通所介護</t>
    <rPh sb="0" eb="3">
      <t>ニンチショウ</t>
    </rPh>
    <rPh sb="3" eb="6">
      <t>タイオウガタ</t>
    </rPh>
    <rPh sb="6" eb="8">
      <t>ツウショ</t>
    </rPh>
    <rPh sb="8" eb="10">
      <t>カイゴ</t>
    </rPh>
    <phoneticPr fontId="3"/>
  </si>
  <si>
    <t>小規模多機能型居宅介護</t>
    <rPh sb="0" eb="3">
      <t>ショウキボ</t>
    </rPh>
    <rPh sb="3" eb="6">
      <t>タキノウ</t>
    </rPh>
    <rPh sb="6" eb="7">
      <t>ガタ</t>
    </rPh>
    <rPh sb="7" eb="9">
      <t>キョタク</t>
    </rPh>
    <rPh sb="9" eb="11">
      <t>カイゴ</t>
    </rPh>
    <phoneticPr fontId="3"/>
  </si>
  <si>
    <t>認知症対応型共同生活介護</t>
    <rPh sb="0" eb="3">
      <t>ニンチショウ</t>
    </rPh>
    <rPh sb="3" eb="6">
      <t>タイオウガタ</t>
    </rPh>
    <rPh sb="6" eb="8">
      <t>キョウドウ</t>
    </rPh>
    <rPh sb="8" eb="10">
      <t>セイカツ</t>
    </rPh>
    <rPh sb="10" eb="12">
      <t>カイゴ</t>
    </rPh>
    <phoneticPr fontId="3"/>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3"/>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3"/>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3"/>
  </si>
  <si>
    <t>複合型サービス</t>
    <rPh sb="0" eb="3">
      <t>フクゴウガタ</t>
    </rPh>
    <phoneticPr fontId="3"/>
  </si>
  <si>
    <t>介護予防認知症対応型通所介護</t>
    <rPh sb="0" eb="2">
      <t>カイゴ</t>
    </rPh>
    <rPh sb="2" eb="4">
      <t>ヨボウ</t>
    </rPh>
    <rPh sb="4" eb="7">
      <t>ニンチショウ</t>
    </rPh>
    <rPh sb="7" eb="10">
      <t>タイオウガタ</t>
    </rPh>
    <rPh sb="10" eb="12">
      <t>ツウショ</t>
    </rPh>
    <phoneticPr fontId="3"/>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3"/>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3"/>
  </si>
  <si>
    <t>居宅介護支援</t>
    <rPh sb="0" eb="2">
      <t>キョタク</t>
    </rPh>
    <phoneticPr fontId="3"/>
  </si>
  <si>
    <t>介護予防支援</t>
    <rPh sb="0" eb="2">
      <t>カイゴ</t>
    </rPh>
    <rPh sb="2" eb="4">
      <t>ヨボウ</t>
    </rPh>
    <phoneticPr fontId="3"/>
  </si>
  <si>
    <t>地域密着型サービス事業所番号等</t>
    <rPh sb="0" eb="2">
      <t>チイキ</t>
    </rPh>
    <rPh sb="2" eb="5">
      <t>ミッチャクガタ</t>
    </rPh>
    <rPh sb="9" eb="12">
      <t>ジギョウショ</t>
    </rPh>
    <rPh sb="12" eb="14">
      <t>バンゴウ</t>
    </rPh>
    <rPh sb="14" eb="15">
      <t>トウ</t>
    </rPh>
    <phoneticPr fontId="3"/>
  </si>
  <si>
    <t>指定を受けている市町村</t>
    <rPh sb="0" eb="2">
      <t>シテイ</t>
    </rPh>
    <rPh sb="3" eb="4">
      <t>ウ</t>
    </rPh>
    <rPh sb="8" eb="11">
      <t>シチョウソン</t>
    </rPh>
    <phoneticPr fontId="3"/>
  </si>
  <si>
    <t>介護保険事業所番号</t>
  </si>
  <si>
    <t>（指定を受けている場合）</t>
    <rPh sb="1" eb="3">
      <t>シテイ</t>
    </rPh>
    <rPh sb="4" eb="5">
      <t>ウ</t>
    </rPh>
    <rPh sb="9" eb="11">
      <t>バアイ</t>
    </rPh>
    <phoneticPr fontId="3"/>
  </si>
  <si>
    <t>既に指定等を受けている事業</t>
    <rPh sb="0" eb="1">
      <t>スデ</t>
    </rPh>
    <rPh sb="2" eb="4">
      <t>シテイ</t>
    </rPh>
    <rPh sb="4" eb="5">
      <t>トウ</t>
    </rPh>
    <rPh sb="6" eb="7">
      <t>ウ</t>
    </rPh>
    <rPh sb="11" eb="13">
      <t>ジギョウ</t>
    </rPh>
    <phoneticPr fontId="3"/>
  </si>
  <si>
    <t>医療機関コード等</t>
    <rPh sb="0" eb="2">
      <t>イリョウ</t>
    </rPh>
    <rPh sb="2" eb="4">
      <t>キカン</t>
    </rPh>
    <rPh sb="7" eb="8">
      <t>トウ</t>
    </rPh>
    <phoneticPr fontId="3"/>
  </si>
  <si>
    <t>特記事項</t>
  </si>
  <si>
    <t>変　更　前</t>
    <phoneticPr fontId="3"/>
  </si>
  <si>
    <t>変　更　後</t>
    <rPh sb="4" eb="5">
      <t>ゴ</t>
    </rPh>
    <phoneticPr fontId="3"/>
  </si>
  <si>
    <t>関係書類</t>
  </si>
  <si>
    <t>別添のとおり</t>
  </si>
  <si>
    <t>備考1　「受付番号」欄には記載しないでください。</t>
    <rPh sb="7" eb="9">
      <t>バンゴウ</t>
    </rPh>
    <phoneticPr fontId="3"/>
  </si>
  <si>
    <t>　　2　「法人である場合その種別」欄は、申請者が法人である場合に、「社会福祉法人」「医療法人」「社団法人」</t>
    <rPh sb="10" eb="12">
      <t>バアイ</t>
    </rPh>
    <phoneticPr fontId="3"/>
  </si>
  <si>
    <t>　　　「財団法人」「株式会社」「有限会社」等の別を記入してください。</t>
    <rPh sb="7" eb="8">
      <t>ジン</t>
    </rPh>
    <rPh sb="10" eb="12">
      <t>カブシキ</t>
    </rPh>
    <rPh sb="12" eb="14">
      <t>カイシャ</t>
    </rPh>
    <phoneticPr fontId="3"/>
  </si>
  <si>
    <t>　　3　「法人所轄庁」欄、申請者が認可法人である場合に、その主務官庁の名称を記載してください。</t>
    <phoneticPr fontId="3"/>
  </si>
  <si>
    <t>　　4　「実施事業」欄は、該当する欄に「〇」を記入してください。</t>
    <phoneticPr fontId="3"/>
  </si>
  <si>
    <t>　　5　「異動等の区分」欄には、今回届出を行う事業所について該当する数字の横の□を■にしてください。</t>
    <phoneticPr fontId="3"/>
  </si>
  <si>
    <t>　　6　「異動項目」欄には、(別紙1－３)「介護給付費算定に係る体制等状況一覧表」に掲げる項目（施設等の区分、</t>
    <phoneticPr fontId="3"/>
  </si>
  <si>
    <t>人員配置区分、その他該当する体制等、割引）を記載してください。</t>
    <phoneticPr fontId="3"/>
  </si>
  <si>
    <t>　　7　「特記事項」欄には、異動の状況について具体的に記載してください。</t>
    <phoneticPr fontId="3"/>
  </si>
  <si>
    <t>　　8　「主たる事業所の所在地以外の場所で一部実施する場合の出張所等の所在地」について、複数の出張所等を</t>
    <phoneticPr fontId="3"/>
  </si>
  <si>
    <t>有する場合は、適宜欄を補正して、全ての出張所等の状況について記載してください。</t>
    <phoneticPr fontId="3"/>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山梨市長　</t>
    <rPh sb="0" eb="4">
      <t>ヤマナシシチョウ</t>
    </rPh>
    <phoneticPr fontId="3"/>
  </si>
  <si>
    <t>介護給付費算定に係る体制等に関する届出書</t>
    <phoneticPr fontId="3"/>
  </si>
  <si>
    <t>所在地</t>
    <phoneticPr fontId="3"/>
  </si>
  <si>
    <t>名　称</t>
    <phoneticPr fontId="3"/>
  </si>
  <si>
    <t>このことについて、関係書類を添えて以下のとおり届け出ます。</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0"/>
      <name val="HGSｺﾞｼｯｸM"/>
      <family val="3"/>
      <charset val="128"/>
    </font>
    <font>
      <u/>
      <sz val="11"/>
      <name val="HGSｺﾞｼｯｸM"/>
      <family val="3"/>
      <charset val="128"/>
    </font>
    <font>
      <sz val="10.5"/>
      <name val="ＭＳ 明朝"/>
      <family val="1"/>
      <charset val="128"/>
    </font>
  </fonts>
  <fills count="2">
    <fill>
      <patternFill patternType="none"/>
    </fill>
    <fill>
      <patternFill patternType="gray125"/>
    </fill>
  </fills>
  <borders count="3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bottom/>
      <diagonal/>
    </border>
    <border>
      <left style="thin">
        <color indexed="64"/>
      </left>
      <right/>
      <top/>
      <bottom style="thin">
        <color indexed="64"/>
      </bottom>
      <diagonal/>
    </border>
    <border>
      <left/>
      <right/>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style="thin">
        <color indexed="64"/>
      </top>
      <bottom/>
      <diagonal/>
    </border>
    <border>
      <left/>
      <right/>
      <top/>
      <bottom style="dashed">
        <color indexed="64"/>
      </bottom>
      <diagonal/>
    </border>
    <border>
      <left/>
      <right style="thin">
        <color indexed="64"/>
      </right>
      <top/>
      <bottom style="dashed">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dashed">
        <color indexed="64"/>
      </left>
      <right/>
      <top style="thin">
        <color indexed="64"/>
      </top>
      <bottom style="thin">
        <color indexed="64"/>
      </bottom>
      <diagonal/>
    </border>
    <border>
      <left/>
      <right style="thin">
        <color indexed="64"/>
      </right>
      <top/>
      <bottom/>
      <diagonal/>
    </border>
    <border>
      <left style="dashed">
        <color indexed="64"/>
      </left>
      <right/>
      <top/>
      <bottom/>
      <diagonal/>
    </border>
    <border>
      <left/>
      <right style="thin">
        <color indexed="64"/>
      </right>
      <top/>
      <bottom style="thin">
        <color indexed="64"/>
      </bottom>
      <diagonal/>
    </border>
    <border>
      <left/>
      <right style="dashed">
        <color indexed="64"/>
      </right>
      <top style="thin">
        <color indexed="64"/>
      </top>
      <bottom style="thin">
        <color indexed="64"/>
      </bottom>
      <diagonal/>
    </border>
    <border>
      <left/>
      <right/>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dashed">
        <color indexed="64"/>
      </right>
      <top style="thin">
        <color indexed="64"/>
      </top>
      <bottom/>
      <diagonal/>
    </border>
    <border>
      <left style="dashed">
        <color indexed="64"/>
      </left>
      <right style="dashed">
        <color indexed="64"/>
      </right>
      <top/>
      <bottom/>
      <diagonal/>
    </border>
    <border>
      <left style="thin">
        <color indexed="64"/>
      </left>
      <right style="dashed">
        <color indexed="64"/>
      </right>
      <top/>
      <bottom/>
      <diagonal/>
    </border>
    <border>
      <left style="thin">
        <color indexed="64"/>
      </left>
      <right style="dashed">
        <color indexed="64"/>
      </right>
      <top/>
      <bottom style="thin">
        <color indexed="64"/>
      </bottom>
      <diagonal/>
    </border>
    <border>
      <left style="dashed">
        <color indexed="64"/>
      </left>
      <right style="dashed">
        <color indexed="64"/>
      </right>
      <top/>
      <bottom style="thin">
        <color indexed="64"/>
      </bottom>
      <diagonal/>
    </border>
  </borders>
  <cellStyleXfs count="2">
    <xf numFmtId="0" fontId="0" fillId="0" borderId="0"/>
    <xf numFmtId="0" fontId="1" fillId="0" borderId="0"/>
  </cellStyleXfs>
  <cellXfs count="156">
    <xf numFmtId="0" fontId="0" fillId="0" borderId="0" xfId="0"/>
    <xf numFmtId="0" fontId="2" fillId="0" borderId="0" xfId="0" applyFont="1" applyAlignment="1">
      <alignment vertical="center"/>
    </xf>
    <xf numFmtId="0" fontId="2" fillId="0" borderId="0" xfId="0" applyFont="1" applyAlignment="1">
      <alignment horizontal="left" vertical="center"/>
    </xf>
    <xf numFmtId="0" fontId="2"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vertical="center"/>
    </xf>
    <xf numFmtId="0" fontId="2" fillId="0" borderId="0" xfId="0" applyFont="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0" xfId="0" applyFont="1" applyAlignment="1">
      <alignment horizontal="right" vertical="center"/>
    </xf>
    <xf numFmtId="0" fontId="2" fillId="0" borderId="5" xfId="0" applyFont="1" applyBorder="1" applyAlignment="1">
      <alignment horizontal="center" vertical="center" textRotation="255" wrapText="1"/>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0" fillId="0" borderId="7" xfId="0" applyBorder="1" applyAlignment="1">
      <alignment horizontal="left" vertical="center" wrapText="1"/>
    </xf>
    <xf numFmtId="0" fontId="2" fillId="0" borderId="8" xfId="0" applyFont="1" applyBorder="1" applyAlignment="1">
      <alignment horizontal="left" vertical="center"/>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2" fillId="0" borderId="11" xfId="0" applyFont="1" applyBorder="1" applyAlignment="1">
      <alignment horizontal="center" vertical="center" textRotation="255" wrapText="1"/>
    </xf>
    <xf numFmtId="0" fontId="2" fillId="0" borderId="12" xfId="0" applyFont="1" applyBorder="1" applyAlignment="1">
      <alignment horizontal="left" vertical="center" wrapText="1"/>
    </xf>
    <xf numFmtId="0" fontId="2" fillId="0" borderId="13" xfId="0" applyFont="1" applyBorder="1" applyAlignment="1">
      <alignment horizontal="left" vertical="center" wrapText="1"/>
    </xf>
    <xf numFmtId="0" fontId="2" fillId="0" borderId="14" xfId="0" applyFont="1" applyBorder="1" applyAlignment="1">
      <alignment horizontal="left" vertical="center"/>
    </xf>
    <xf numFmtId="0" fontId="2" fillId="0" borderId="15" xfId="0" applyFont="1" applyBorder="1" applyAlignment="1">
      <alignment horizontal="left" vertical="center"/>
    </xf>
    <xf numFmtId="0" fontId="2" fillId="0" borderId="16" xfId="0" applyFont="1" applyBorder="1" applyAlignment="1">
      <alignment horizontal="left" vertical="center"/>
    </xf>
    <xf numFmtId="0" fontId="2" fillId="0" borderId="7" xfId="0" applyFont="1" applyBorder="1" applyAlignment="1">
      <alignment horizontal="center" vertical="center" wrapText="1"/>
    </xf>
    <xf numFmtId="0" fontId="2" fillId="0" borderId="7" xfId="0" applyFont="1" applyBorder="1" applyAlignment="1">
      <alignment vertical="center" wrapText="1"/>
    </xf>
    <xf numFmtId="0" fontId="2" fillId="0" borderId="17" xfId="0" applyFont="1" applyBorder="1" applyAlignment="1">
      <alignment horizontal="center" vertical="center" wrapText="1"/>
    </xf>
    <xf numFmtId="0" fontId="2" fillId="0" borderId="4" xfId="0" applyFont="1" applyBorder="1" applyAlignment="1">
      <alignment horizontal="left" vertical="center" wrapText="1"/>
    </xf>
    <xf numFmtId="0" fontId="2" fillId="0" borderId="0" xfId="0" applyFont="1" applyAlignment="1">
      <alignment horizontal="left" vertical="center" wrapText="1"/>
    </xf>
    <xf numFmtId="0" fontId="2" fillId="0" borderId="18" xfId="0" applyFont="1" applyBorder="1" applyAlignment="1">
      <alignment horizontal="center" vertical="center" wrapText="1"/>
    </xf>
    <xf numFmtId="0" fontId="2" fillId="0" borderId="0" xfId="0" applyFont="1" applyAlignment="1">
      <alignment vertical="center" wrapText="1"/>
    </xf>
    <xf numFmtId="0" fontId="2" fillId="0" borderId="19" xfId="0" applyFont="1" applyBorder="1" applyAlignment="1">
      <alignment horizontal="center" vertical="center" wrapText="1"/>
    </xf>
    <xf numFmtId="0" fontId="2" fillId="0" borderId="15" xfId="0" applyFont="1" applyBorder="1" applyAlignment="1">
      <alignment horizontal="left" vertical="center" wrapText="1"/>
    </xf>
    <xf numFmtId="0" fontId="2" fillId="0" borderId="16" xfId="0" applyFont="1" applyBorder="1" applyAlignment="1">
      <alignment horizontal="left" vertical="center" wrapText="1"/>
    </xf>
    <xf numFmtId="0" fontId="2" fillId="0" borderId="1" xfId="0" applyFont="1" applyBorder="1" applyAlignment="1">
      <alignment horizontal="left" vertical="center" wrapText="1"/>
    </xf>
    <xf numFmtId="0" fontId="2" fillId="0" borderId="2" xfId="0" applyFont="1" applyBorder="1" applyAlignment="1">
      <alignment horizontal="left" vertical="center" wrapText="1"/>
    </xf>
    <xf numFmtId="0" fontId="2" fillId="0" borderId="6" xfId="0" applyFont="1" applyBorder="1" applyAlignment="1">
      <alignment horizontal="center" vertical="center" wrapText="1"/>
    </xf>
    <xf numFmtId="0" fontId="2" fillId="0" borderId="1" xfId="0" applyFont="1" applyBorder="1" applyAlignment="1">
      <alignment horizontal="left" shrinkToFit="1"/>
    </xf>
    <xf numFmtId="0" fontId="2" fillId="0" borderId="2" xfId="0" applyFont="1" applyBorder="1" applyAlignment="1">
      <alignment horizontal="left" shrinkToFit="1"/>
    </xf>
    <xf numFmtId="0" fontId="2" fillId="0" borderId="1" xfId="0" applyFont="1" applyBorder="1" applyAlignment="1">
      <alignment horizontal="center" wrapText="1"/>
    </xf>
    <xf numFmtId="0" fontId="2" fillId="0" borderId="2" xfId="0" applyFont="1" applyBorder="1" applyAlignment="1">
      <alignment horizontal="center" wrapText="1"/>
    </xf>
    <xf numFmtId="0" fontId="2" fillId="0" borderId="3" xfId="0" applyFont="1" applyBorder="1" applyAlignment="1">
      <alignment horizontal="center" wrapText="1"/>
    </xf>
    <xf numFmtId="0" fontId="2" fillId="0" borderId="0" xfId="0" applyFont="1"/>
    <xf numFmtId="0" fontId="2" fillId="0" borderId="1" xfId="0" applyFont="1" applyBorder="1" applyAlignment="1">
      <alignment horizontal="left" wrapText="1"/>
    </xf>
    <xf numFmtId="0" fontId="2" fillId="0" borderId="2" xfId="0" applyFont="1" applyBorder="1" applyAlignment="1">
      <alignment horizontal="left" wrapText="1"/>
    </xf>
    <xf numFmtId="0" fontId="2" fillId="0" borderId="1" xfId="0" applyFont="1" applyBorder="1" applyAlignment="1">
      <alignment horizontal="center"/>
    </xf>
    <xf numFmtId="0" fontId="2" fillId="0" borderId="2" xfId="0" applyFont="1" applyBorder="1" applyAlignment="1">
      <alignment horizontal="center"/>
    </xf>
    <xf numFmtId="0" fontId="2" fillId="0" borderId="3" xfId="0" applyFont="1" applyBorder="1" applyAlignment="1">
      <alignment horizontal="center"/>
    </xf>
    <xf numFmtId="0" fontId="2" fillId="0" borderId="20" xfId="0" applyFont="1" applyBorder="1" applyAlignment="1">
      <alignment horizontal="center" vertical="center" textRotation="255" wrapText="1"/>
    </xf>
    <xf numFmtId="0" fontId="2" fillId="0" borderId="5" xfId="0" applyFont="1" applyBorder="1" applyAlignment="1">
      <alignment horizontal="center" vertical="center" textRotation="255" shrinkToFit="1"/>
    </xf>
    <xf numFmtId="0" fontId="2" fillId="0" borderId="11" xfId="0" applyFont="1" applyBorder="1" applyAlignment="1">
      <alignment horizontal="center" vertical="center" textRotation="255" shrinkToFi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4" xfId="0" applyFont="1" applyBorder="1" applyAlignment="1">
      <alignment horizontal="left" vertical="center" wrapText="1"/>
    </xf>
    <xf numFmtId="0" fontId="4" fillId="0" borderId="0" xfId="0" applyFont="1" applyAlignment="1">
      <alignment horizontal="left" vertical="center" wrapText="1"/>
    </xf>
    <xf numFmtId="0" fontId="4" fillId="0" borderId="12" xfId="0" applyFont="1" applyBorder="1" applyAlignment="1">
      <alignment horizontal="left" vertical="center" wrapText="1"/>
    </xf>
    <xf numFmtId="0" fontId="4" fillId="0" borderId="13" xfId="0" applyFont="1" applyBorder="1" applyAlignment="1">
      <alignment horizontal="left" vertical="center" wrapText="1"/>
    </xf>
    <xf numFmtId="0" fontId="2" fillId="0" borderId="3" xfId="0" applyFont="1" applyBorder="1" applyAlignment="1">
      <alignment horizontal="left" wrapText="1"/>
    </xf>
    <xf numFmtId="0" fontId="2" fillId="0" borderId="20" xfId="0" applyFont="1" applyBorder="1" applyAlignment="1">
      <alignment horizontal="center" vertical="center" textRotation="255" shrinkToFit="1"/>
    </xf>
    <xf numFmtId="0" fontId="2" fillId="0" borderId="21" xfId="0" applyFont="1" applyBorder="1" applyAlignment="1">
      <alignment horizontal="center" vertical="center" textRotation="255" shrinkToFit="1"/>
    </xf>
    <xf numFmtId="0" fontId="2" fillId="0" borderId="1" xfId="0" applyFont="1" applyBorder="1" applyAlignment="1">
      <alignment horizontal="left" vertical="top" wrapText="1"/>
    </xf>
    <xf numFmtId="0" fontId="2" fillId="0" borderId="2" xfId="0" applyFont="1" applyBorder="1" applyAlignment="1">
      <alignment horizontal="left" vertical="top" wrapText="1"/>
    </xf>
    <xf numFmtId="0" fontId="2" fillId="0" borderId="22" xfId="0" applyFont="1" applyBorder="1" applyAlignment="1">
      <alignment horizontal="center" wrapText="1"/>
    </xf>
    <xf numFmtId="0" fontId="2" fillId="0" borderId="1" xfId="0" applyFont="1" applyBorder="1" applyAlignment="1">
      <alignment horizontal="left"/>
    </xf>
    <xf numFmtId="0" fontId="2" fillId="0" borderId="2" xfId="0" applyFont="1" applyBorder="1" applyAlignment="1">
      <alignment horizontal="left"/>
    </xf>
    <xf numFmtId="0" fontId="2" fillId="0" borderId="3" xfId="0" applyFont="1" applyBorder="1" applyAlignment="1">
      <alignment horizontal="left"/>
    </xf>
    <xf numFmtId="0" fontId="2" fillId="0" borderId="1" xfId="0" applyFont="1" applyBorder="1" applyAlignment="1">
      <alignment horizontal="left"/>
    </xf>
    <xf numFmtId="0" fontId="2" fillId="0" borderId="2" xfId="0" applyFont="1" applyBorder="1" applyAlignment="1">
      <alignment horizontal="left"/>
    </xf>
    <xf numFmtId="0" fontId="2" fillId="0" borderId="3" xfId="0" applyFont="1" applyBorder="1" applyAlignment="1">
      <alignment horizontal="left"/>
    </xf>
    <xf numFmtId="0" fontId="2" fillId="0" borderId="7" xfId="0" applyFont="1" applyBorder="1" applyAlignment="1">
      <alignment horizontal="center"/>
    </xf>
    <xf numFmtId="0" fontId="2" fillId="0" borderId="6" xfId="0" applyFont="1" applyBorder="1" applyAlignment="1">
      <alignment horizontal="center" shrinkToFit="1"/>
    </xf>
    <xf numFmtId="0" fontId="2" fillId="0" borderId="7" xfId="0" applyFont="1" applyBorder="1" applyAlignment="1">
      <alignment horizontal="center" shrinkToFit="1"/>
    </xf>
    <xf numFmtId="0" fontId="2" fillId="0" borderId="17" xfId="0" applyFont="1" applyBorder="1" applyAlignment="1">
      <alignment horizontal="center" shrinkToFit="1"/>
    </xf>
    <xf numFmtId="0" fontId="2" fillId="0" borderId="23" xfId="0" applyFont="1" applyBorder="1"/>
    <xf numFmtId="0" fontId="2" fillId="0" borderId="6" xfId="0" applyFont="1" applyBorder="1" applyAlignment="1">
      <alignment horizontal="left" vertical="top" wrapText="1"/>
    </xf>
    <xf numFmtId="0" fontId="2" fillId="0" borderId="0" xfId="0" applyFont="1" applyAlignment="1">
      <alignment horizontal="left" vertical="top" wrapText="1"/>
    </xf>
    <xf numFmtId="0" fontId="2" fillId="0" borderId="24" xfId="0" applyFont="1" applyBorder="1" applyAlignment="1">
      <alignment horizontal="center" wrapText="1"/>
    </xf>
    <xf numFmtId="0" fontId="2" fillId="0" borderId="23" xfId="0" applyFont="1" applyBorder="1" applyAlignment="1">
      <alignment horizontal="center" wrapText="1"/>
    </xf>
    <xf numFmtId="0" fontId="2" fillId="0" borderId="12" xfId="0" applyFont="1" applyBorder="1" applyAlignment="1">
      <alignment horizontal="left"/>
    </xf>
    <xf numFmtId="0" fontId="2" fillId="0" borderId="13" xfId="0" applyFont="1" applyBorder="1" applyAlignment="1">
      <alignment horizontal="left"/>
    </xf>
    <xf numFmtId="0" fontId="2" fillId="0" borderId="25" xfId="0" applyFont="1" applyBorder="1" applyAlignment="1">
      <alignment horizontal="left"/>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25" xfId="0" applyFont="1" applyBorder="1" applyAlignment="1">
      <alignment horizontal="center" vertical="center"/>
    </xf>
    <xf numFmtId="0" fontId="2" fillId="0" borderId="4" xfId="0" applyFont="1" applyBorder="1" applyAlignment="1">
      <alignment horizontal="left"/>
    </xf>
    <xf numFmtId="0" fontId="2" fillId="0" borderId="0" xfId="0" applyFont="1" applyAlignment="1">
      <alignment horizontal="left"/>
    </xf>
    <xf numFmtId="0" fontId="2" fillId="0" borderId="12" xfId="0" applyFont="1" applyBorder="1" applyAlignment="1">
      <alignment horizontal="center" shrinkToFit="1"/>
    </xf>
    <xf numFmtId="0" fontId="2" fillId="0" borderId="13" xfId="0" applyFont="1" applyBorder="1" applyAlignment="1">
      <alignment horizontal="center" shrinkToFit="1"/>
    </xf>
    <xf numFmtId="0" fontId="2" fillId="0" borderId="25" xfId="0" applyFont="1" applyBorder="1" applyAlignment="1">
      <alignment horizontal="center" shrinkToFit="1"/>
    </xf>
    <xf numFmtId="0" fontId="2" fillId="0" borderId="1" xfId="0" applyFont="1" applyBorder="1" applyAlignment="1">
      <alignment horizontal="center" vertical="center" textRotation="255" wrapText="1"/>
    </xf>
    <xf numFmtId="0" fontId="2" fillId="0" borderId="2" xfId="0" applyFont="1" applyBorder="1" applyAlignment="1">
      <alignment horizontal="left" vertical="top"/>
    </xf>
    <xf numFmtId="0" fontId="2" fillId="0" borderId="26" xfId="0" applyFont="1" applyBorder="1" applyAlignment="1">
      <alignment horizontal="center" wrapText="1"/>
    </xf>
    <xf numFmtId="0" fontId="2" fillId="0" borderId="1" xfId="0" applyFont="1" applyBorder="1" applyAlignment="1">
      <alignment horizontal="center" shrinkToFit="1"/>
    </xf>
    <xf numFmtId="0" fontId="2" fillId="0" borderId="2" xfId="0" applyFont="1" applyBorder="1" applyAlignment="1">
      <alignment horizontal="center" shrinkToFit="1"/>
    </xf>
    <xf numFmtId="0" fontId="2" fillId="0" borderId="3" xfId="0" applyFont="1" applyBorder="1" applyAlignment="1">
      <alignment horizontal="center" shrinkToFit="1"/>
    </xf>
    <xf numFmtId="0" fontId="4" fillId="0" borderId="1" xfId="1" applyFont="1" applyBorder="1" applyAlignment="1">
      <alignment horizontal="center" vertical="center"/>
    </xf>
    <xf numFmtId="0" fontId="4" fillId="0" borderId="2" xfId="0" applyFont="1" applyBorder="1" applyAlignment="1">
      <alignment horizontal="left" vertical="center" wrapText="1"/>
    </xf>
    <xf numFmtId="0" fontId="4" fillId="0" borderId="2" xfId="1" applyFont="1" applyBorder="1" applyAlignment="1">
      <alignment horizontal="center" vertical="center"/>
    </xf>
    <xf numFmtId="0" fontId="4" fillId="0" borderId="3" xfId="0" applyFont="1" applyBorder="1" applyAlignment="1">
      <alignment horizontal="left" vertical="center" wrapText="1"/>
    </xf>
    <xf numFmtId="0" fontId="2" fillId="0" borderId="1" xfId="0" applyFont="1" applyBorder="1" applyAlignment="1">
      <alignment horizontal="center" vertical="center" shrinkToFit="1"/>
    </xf>
    <xf numFmtId="0" fontId="2" fillId="0" borderId="2" xfId="0" applyFont="1" applyBorder="1" applyAlignment="1">
      <alignment horizontal="center" vertical="center" shrinkToFit="1"/>
    </xf>
    <xf numFmtId="0" fontId="2" fillId="0" borderId="3" xfId="0" applyFont="1" applyBorder="1" applyAlignment="1">
      <alignment horizontal="center" vertical="center" shrinkToFit="1"/>
    </xf>
    <xf numFmtId="0" fontId="0" fillId="0" borderId="2" xfId="0" applyBorder="1" applyAlignment="1">
      <alignment horizontal="left" vertical="top"/>
    </xf>
    <xf numFmtId="0" fontId="2" fillId="0" borderId="2" xfId="0" applyFont="1" applyBorder="1" applyAlignment="1">
      <alignment horizontal="left" vertical="top" shrinkToFit="1"/>
    </xf>
    <xf numFmtId="0" fontId="0" fillId="0" borderId="2" xfId="0" applyBorder="1" applyAlignment="1">
      <alignment horizontal="left" vertical="top" shrinkToFit="1"/>
    </xf>
    <xf numFmtId="0" fontId="2" fillId="0" borderId="2" xfId="0" applyFont="1" applyBorder="1" applyAlignment="1">
      <alignment horizontal="left" vertical="center" shrinkToFit="1"/>
    </xf>
    <xf numFmtId="0" fontId="0" fillId="0" borderId="2" xfId="0" applyBorder="1" applyAlignment="1">
      <alignment horizontal="left" vertical="center" shrinkToFit="1"/>
    </xf>
    <xf numFmtId="0" fontId="2" fillId="0" borderId="6" xfId="0" applyFont="1" applyBorder="1" applyAlignment="1">
      <alignment horizontal="center" vertical="center" textRotation="255" wrapText="1"/>
    </xf>
    <xf numFmtId="0" fontId="0" fillId="0" borderId="2" xfId="0" applyBorder="1" applyAlignment="1">
      <alignment vertical="center" shrinkToFit="1"/>
    </xf>
    <xf numFmtId="0" fontId="2" fillId="0" borderId="13" xfId="0" applyFont="1" applyBorder="1" applyAlignment="1">
      <alignment horizontal="left" vertical="center" shrinkToFit="1"/>
    </xf>
    <xf numFmtId="0" fontId="0" fillId="0" borderId="13" xfId="0" applyBorder="1" applyAlignment="1">
      <alignment vertical="center" shrinkToFit="1"/>
    </xf>
    <xf numFmtId="0" fontId="2" fillId="0" borderId="27" xfId="0" applyFont="1" applyBorder="1" applyAlignment="1">
      <alignment horizontal="left" vertical="top" shrinkToFit="1"/>
    </xf>
    <xf numFmtId="0" fontId="0" fillId="0" borderId="27" xfId="0" applyBorder="1" applyAlignment="1">
      <alignment shrinkToFit="1"/>
    </xf>
    <xf numFmtId="0" fontId="2" fillId="0" borderId="28" xfId="0" applyFont="1" applyBorder="1" applyAlignment="1">
      <alignment horizontal="center" vertical="center" textRotation="255" wrapText="1"/>
    </xf>
    <xf numFmtId="0" fontId="2" fillId="0" borderId="29" xfId="0" applyFont="1" applyBorder="1" applyAlignment="1">
      <alignment horizontal="left" vertical="top" shrinkToFit="1"/>
    </xf>
    <xf numFmtId="0" fontId="2" fillId="0" borderId="4" xfId="0" applyFont="1" applyBorder="1" applyAlignment="1">
      <alignment horizontal="center" vertical="center" textRotation="255" shrinkToFit="1"/>
    </xf>
    <xf numFmtId="0" fontId="2" fillId="0" borderId="30" xfId="0" applyFont="1" applyBorder="1" applyAlignment="1">
      <alignment horizontal="center"/>
    </xf>
    <xf numFmtId="0" fontId="2" fillId="0" borderId="31" xfId="0" applyFont="1" applyBorder="1" applyAlignment="1">
      <alignment horizontal="center"/>
    </xf>
    <xf numFmtId="0" fontId="2" fillId="0" borderId="32" xfId="0" applyFont="1" applyBorder="1" applyAlignment="1">
      <alignment horizontal="center"/>
    </xf>
    <xf numFmtId="0" fontId="2" fillId="0" borderId="1" xfId="0" applyFont="1" applyBorder="1" applyAlignment="1">
      <alignment horizontal="left" vertical="center" shrinkToFit="1"/>
    </xf>
    <xf numFmtId="0" fontId="2" fillId="0" borderId="3" xfId="0" applyFont="1" applyBorder="1" applyAlignment="1">
      <alignment horizontal="left" vertical="center" shrinkToFit="1"/>
    </xf>
    <xf numFmtId="0" fontId="2" fillId="0" borderId="33" xfId="0" applyFont="1" applyBorder="1" applyAlignment="1">
      <alignment horizontal="center" vertical="center" textRotation="255"/>
    </xf>
    <xf numFmtId="0" fontId="2" fillId="0" borderId="34" xfId="0" applyFont="1" applyBorder="1" applyAlignment="1">
      <alignment horizontal="justify" wrapText="1"/>
    </xf>
    <xf numFmtId="0" fontId="2" fillId="0" borderId="34" xfId="0" applyFont="1" applyBorder="1" applyAlignment="1">
      <alignment horizontal="left" vertical="center"/>
    </xf>
    <xf numFmtId="0" fontId="2" fillId="0" borderId="24" xfId="0" applyFont="1" applyBorder="1" applyAlignment="1">
      <alignment horizontal="left" vertical="center"/>
    </xf>
    <xf numFmtId="0" fontId="2" fillId="0" borderId="4" xfId="0" applyFont="1" applyBorder="1" applyAlignment="1">
      <alignment horizontal="left" vertical="center"/>
    </xf>
    <xf numFmtId="0" fontId="2" fillId="0" borderId="0" xfId="0" applyFont="1" applyAlignment="1">
      <alignment horizontal="justify"/>
    </xf>
    <xf numFmtId="0" fontId="2" fillId="0" borderId="3" xfId="0" applyFont="1" applyBorder="1"/>
    <xf numFmtId="0" fontId="2" fillId="0" borderId="21" xfId="0" applyFont="1" applyBorder="1" applyAlignment="1">
      <alignment horizontal="left" vertical="center"/>
    </xf>
    <xf numFmtId="0" fontId="2" fillId="0" borderId="1" xfId="0" applyFont="1" applyBorder="1" applyAlignment="1">
      <alignment horizontal="left" vertical="center"/>
    </xf>
    <xf numFmtId="0" fontId="2" fillId="0" borderId="1" xfId="0" applyFont="1" applyBorder="1" applyAlignment="1">
      <alignment horizontal="left" vertical="center" textRotation="255"/>
    </xf>
    <xf numFmtId="0" fontId="2" fillId="0" borderId="2" xfId="0" applyFont="1" applyBorder="1" applyAlignment="1">
      <alignment horizontal="left" vertical="center" textRotation="255"/>
    </xf>
    <xf numFmtId="0" fontId="2" fillId="0" borderId="3" xfId="0" applyFont="1" applyBorder="1" applyAlignment="1">
      <alignment horizontal="left" vertical="center" textRotation="255"/>
    </xf>
    <xf numFmtId="0" fontId="2" fillId="0" borderId="21" xfId="0" applyFont="1" applyBorder="1" applyAlignment="1">
      <alignment horizontal="left" wrapText="1"/>
    </xf>
    <xf numFmtId="0" fontId="2" fillId="0" borderId="35" xfId="0" applyFont="1" applyBorder="1" applyAlignment="1">
      <alignment horizontal="center" vertical="center" textRotation="255"/>
    </xf>
    <xf numFmtId="0" fontId="2" fillId="0" borderId="3" xfId="0" applyFont="1" applyBorder="1" applyAlignment="1">
      <alignment horizontal="left" vertical="center" wrapText="1"/>
    </xf>
    <xf numFmtId="0" fontId="2" fillId="0" borderId="13" xfId="0" applyFont="1" applyBorder="1" applyAlignment="1">
      <alignment horizontal="left"/>
    </xf>
    <xf numFmtId="0" fontId="2" fillId="0" borderId="36" xfId="0" applyFont="1" applyBorder="1" applyAlignment="1">
      <alignment horizontal="left"/>
    </xf>
    <xf numFmtId="0" fontId="2" fillId="0" borderId="37" xfId="0" applyFont="1" applyBorder="1" applyAlignment="1">
      <alignment horizontal="justify" wrapText="1"/>
    </xf>
    <xf numFmtId="0" fontId="2" fillId="0" borderId="37" xfId="0" applyFont="1" applyBorder="1"/>
    <xf numFmtId="0" fontId="2" fillId="0" borderId="7" xfId="0" applyFont="1" applyBorder="1" applyAlignment="1">
      <alignment horizontal="left" vertical="top" wrapText="1"/>
    </xf>
    <xf numFmtId="0" fontId="2" fillId="0" borderId="17" xfId="0" applyFont="1" applyBorder="1" applyAlignment="1">
      <alignment horizontal="left" vertical="top" wrapText="1"/>
    </xf>
    <xf numFmtId="0" fontId="2" fillId="0" borderId="4" xfId="0" applyFont="1" applyBorder="1" applyAlignment="1">
      <alignment horizontal="left" vertical="top" wrapText="1"/>
    </xf>
    <xf numFmtId="0" fontId="2" fillId="0" borderId="23" xfId="0" applyFont="1" applyBorder="1" applyAlignment="1">
      <alignment horizontal="left" vertical="top" wrapText="1"/>
    </xf>
    <xf numFmtId="0" fontId="2" fillId="0" borderId="12" xfId="0" applyFont="1" applyBorder="1" applyAlignment="1">
      <alignment horizontal="left" vertical="top" wrapText="1"/>
    </xf>
    <xf numFmtId="0" fontId="2" fillId="0" borderId="13" xfId="0" applyFont="1" applyBorder="1" applyAlignment="1">
      <alignment horizontal="left" vertical="top" wrapText="1"/>
    </xf>
    <xf numFmtId="0" fontId="2" fillId="0" borderId="25" xfId="0" applyFont="1" applyBorder="1" applyAlignment="1">
      <alignment horizontal="left" vertical="top" wrapText="1"/>
    </xf>
    <xf numFmtId="0" fontId="2" fillId="0" borderId="20" xfId="0" applyFont="1" applyBorder="1" applyAlignment="1">
      <alignment horizontal="left" wrapText="1"/>
    </xf>
    <xf numFmtId="0" fontId="6" fillId="0" borderId="0" xfId="0" applyFont="1" applyAlignment="1">
      <alignment horizontal="justify"/>
    </xf>
    <xf numFmtId="0" fontId="2" fillId="0" borderId="13" xfId="0" applyFont="1" applyBorder="1"/>
    <xf numFmtId="0" fontId="2" fillId="0" borderId="12" xfId="0" applyFont="1" applyBorder="1"/>
    <xf numFmtId="0" fontId="2" fillId="0" borderId="0" xfId="0" applyFont="1" applyAlignment="1">
      <alignment horizontal="center" vertical="top"/>
    </xf>
    <xf numFmtId="0" fontId="2" fillId="0" borderId="0" xfId="0" applyFont="1" applyAlignment="1">
      <alignment horizontal="left" vertical="top"/>
    </xf>
  </cellXfs>
  <cellStyles count="2">
    <cellStyle name="標準" xfId="0" builtinId="0"/>
    <cellStyle name="標準 2" xfId="1" xr:uid="{C4F4D692-6A8C-44DC-BBC1-F8F20F2A556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BFF9F6D-F9E1-4968-832B-DA9C71B8A0A1}">
  <sheetPr>
    <pageSetUpPr fitToPage="1"/>
  </sheetPr>
  <dimension ref="A1:AL965"/>
  <sheetViews>
    <sheetView tabSelected="1" view="pageBreakPreview" zoomScale="95" zoomScaleNormal="100" zoomScaleSheetLayoutView="95" workbookViewId="0">
      <selection activeCell="B5" sqref="B5:AK5"/>
    </sheetView>
  </sheetViews>
  <sheetFormatPr defaultRowHeight="13.5" x14ac:dyDescent="0.15"/>
  <cols>
    <col min="1" max="1" width="1.5" style="45" customWidth="1"/>
    <col min="2" max="2" width="4.25" style="45" customWidth="1"/>
    <col min="3" max="3" width="3.375" style="45" customWidth="1"/>
    <col min="4" max="4" width="0.5" style="45" customWidth="1"/>
    <col min="5" max="36" width="3.125" style="45" customWidth="1"/>
    <col min="37" max="37" width="3" style="45" customWidth="1"/>
    <col min="38" max="256" width="9" style="45"/>
    <col min="257" max="257" width="1.5" style="45" customWidth="1"/>
    <col min="258" max="258" width="4.25" style="45" customWidth="1"/>
    <col min="259" max="259" width="3.375" style="45" customWidth="1"/>
    <col min="260" max="260" width="0.5" style="45" customWidth="1"/>
    <col min="261" max="292" width="3.125" style="45" customWidth="1"/>
    <col min="293" max="293" width="3" style="45" customWidth="1"/>
    <col min="294" max="512" width="9" style="45"/>
    <col min="513" max="513" width="1.5" style="45" customWidth="1"/>
    <col min="514" max="514" width="4.25" style="45" customWidth="1"/>
    <col min="515" max="515" width="3.375" style="45" customWidth="1"/>
    <col min="516" max="516" width="0.5" style="45" customWidth="1"/>
    <col min="517" max="548" width="3.125" style="45" customWidth="1"/>
    <col min="549" max="549" width="3" style="45" customWidth="1"/>
    <col min="550" max="768" width="9" style="45"/>
    <col min="769" max="769" width="1.5" style="45" customWidth="1"/>
    <col min="770" max="770" width="4.25" style="45" customWidth="1"/>
    <col min="771" max="771" width="3.375" style="45" customWidth="1"/>
    <col min="772" max="772" width="0.5" style="45" customWidth="1"/>
    <col min="773" max="804" width="3.125" style="45" customWidth="1"/>
    <col min="805" max="805" width="3" style="45" customWidth="1"/>
    <col min="806" max="1024" width="9" style="45"/>
    <col min="1025" max="1025" width="1.5" style="45" customWidth="1"/>
    <col min="1026" max="1026" width="4.25" style="45" customWidth="1"/>
    <col min="1027" max="1027" width="3.375" style="45" customWidth="1"/>
    <col min="1028" max="1028" width="0.5" style="45" customWidth="1"/>
    <col min="1029" max="1060" width="3.125" style="45" customWidth="1"/>
    <col min="1061" max="1061" width="3" style="45" customWidth="1"/>
    <col min="1062" max="1280" width="9" style="45"/>
    <col min="1281" max="1281" width="1.5" style="45" customWidth="1"/>
    <col min="1282" max="1282" width="4.25" style="45" customWidth="1"/>
    <col min="1283" max="1283" width="3.375" style="45" customWidth="1"/>
    <col min="1284" max="1284" width="0.5" style="45" customWidth="1"/>
    <col min="1285" max="1316" width="3.125" style="45" customWidth="1"/>
    <col min="1317" max="1317" width="3" style="45" customWidth="1"/>
    <col min="1318" max="1536" width="9" style="45"/>
    <col min="1537" max="1537" width="1.5" style="45" customWidth="1"/>
    <col min="1538" max="1538" width="4.25" style="45" customWidth="1"/>
    <col min="1539" max="1539" width="3.375" style="45" customWidth="1"/>
    <col min="1540" max="1540" width="0.5" style="45" customWidth="1"/>
    <col min="1541" max="1572" width="3.125" style="45" customWidth="1"/>
    <col min="1573" max="1573" width="3" style="45" customWidth="1"/>
    <col min="1574" max="1792" width="9" style="45"/>
    <col min="1793" max="1793" width="1.5" style="45" customWidth="1"/>
    <col min="1794" max="1794" width="4.25" style="45" customWidth="1"/>
    <col min="1795" max="1795" width="3.375" style="45" customWidth="1"/>
    <col min="1796" max="1796" width="0.5" style="45" customWidth="1"/>
    <col min="1797" max="1828" width="3.125" style="45" customWidth="1"/>
    <col min="1829" max="1829" width="3" style="45" customWidth="1"/>
    <col min="1830" max="2048" width="9" style="45"/>
    <col min="2049" max="2049" width="1.5" style="45" customWidth="1"/>
    <col min="2050" max="2050" width="4.25" style="45" customWidth="1"/>
    <col min="2051" max="2051" width="3.375" style="45" customWidth="1"/>
    <col min="2052" max="2052" width="0.5" style="45" customWidth="1"/>
    <col min="2053" max="2084" width="3.125" style="45" customWidth="1"/>
    <col min="2085" max="2085" width="3" style="45" customWidth="1"/>
    <col min="2086" max="2304" width="9" style="45"/>
    <col min="2305" max="2305" width="1.5" style="45" customWidth="1"/>
    <col min="2306" max="2306" width="4.25" style="45" customWidth="1"/>
    <col min="2307" max="2307" width="3.375" style="45" customWidth="1"/>
    <col min="2308" max="2308" width="0.5" style="45" customWidth="1"/>
    <col min="2309" max="2340" width="3.125" style="45" customWidth="1"/>
    <col min="2341" max="2341" width="3" style="45" customWidth="1"/>
    <col min="2342" max="2560" width="9" style="45"/>
    <col min="2561" max="2561" width="1.5" style="45" customWidth="1"/>
    <col min="2562" max="2562" width="4.25" style="45" customWidth="1"/>
    <col min="2563" max="2563" width="3.375" style="45" customWidth="1"/>
    <col min="2564" max="2564" width="0.5" style="45" customWidth="1"/>
    <col min="2565" max="2596" width="3.125" style="45" customWidth="1"/>
    <col min="2597" max="2597" width="3" style="45" customWidth="1"/>
    <col min="2598" max="2816" width="9" style="45"/>
    <col min="2817" max="2817" width="1.5" style="45" customWidth="1"/>
    <col min="2818" max="2818" width="4.25" style="45" customWidth="1"/>
    <col min="2819" max="2819" width="3.375" style="45" customWidth="1"/>
    <col min="2820" max="2820" width="0.5" style="45" customWidth="1"/>
    <col min="2821" max="2852" width="3.125" style="45" customWidth="1"/>
    <col min="2853" max="2853" width="3" style="45" customWidth="1"/>
    <col min="2854" max="3072" width="9" style="45"/>
    <col min="3073" max="3073" width="1.5" style="45" customWidth="1"/>
    <col min="3074" max="3074" width="4.25" style="45" customWidth="1"/>
    <col min="3075" max="3075" width="3.375" style="45" customWidth="1"/>
    <col min="3076" max="3076" width="0.5" style="45" customWidth="1"/>
    <col min="3077" max="3108" width="3.125" style="45" customWidth="1"/>
    <col min="3109" max="3109" width="3" style="45" customWidth="1"/>
    <col min="3110" max="3328" width="9" style="45"/>
    <col min="3329" max="3329" width="1.5" style="45" customWidth="1"/>
    <col min="3330" max="3330" width="4.25" style="45" customWidth="1"/>
    <col min="3331" max="3331" width="3.375" style="45" customWidth="1"/>
    <col min="3332" max="3332" width="0.5" style="45" customWidth="1"/>
    <col min="3333" max="3364" width="3.125" style="45" customWidth="1"/>
    <col min="3365" max="3365" width="3" style="45" customWidth="1"/>
    <col min="3366" max="3584" width="9" style="45"/>
    <col min="3585" max="3585" width="1.5" style="45" customWidth="1"/>
    <col min="3586" max="3586" width="4.25" style="45" customWidth="1"/>
    <col min="3587" max="3587" width="3.375" style="45" customWidth="1"/>
    <col min="3588" max="3588" width="0.5" style="45" customWidth="1"/>
    <col min="3589" max="3620" width="3.125" style="45" customWidth="1"/>
    <col min="3621" max="3621" width="3" style="45" customWidth="1"/>
    <col min="3622" max="3840" width="9" style="45"/>
    <col min="3841" max="3841" width="1.5" style="45" customWidth="1"/>
    <col min="3842" max="3842" width="4.25" style="45" customWidth="1"/>
    <col min="3843" max="3843" width="3.375" style="45" customWidth="1"/>
    <col min="3844" max="3844" width="0.5" style="45" customWidth="1"/>
    <col min="3845" max="3876" width="3.125" style="45" customWidth="1"/>
    <col min="3877" max="3877" width="3" style="45" customWidth="1"/>
    <col min="3878" max="4096" width="9" style="45"/>
    <col min="4097" max="4097" width="1.5" style="45" customWidth="1"/>
    <col min="4098" max="4098" width="4.25" style="45" customWidth="1"/>
    <col min="4099" max="4099" width="3.375" style="45" customWidth="1"/>
    <col min="4100" max="4100" width="0.5" style="45" customWidth="1"/>
    <col min="4101" max="4132" width="3.125" style="45" customWidth="1"/>
    <col min="4133" max="4133" width="3" style="45" customWidth="1"/>
    <col min="4134" max="4352" width="9" style="45"/>
    <col min="4353" max="4353" width="1.5" style="45" customWidth="1"/>
    <col min="4354" max="4354" width="4.25" style="45" customWidth="1"/>
    <col min="4355" max="4355" width="3.375" style="45" customWidth="1"/>
    <col min="4356" max="4356" width="0.5" style="45" customWidth="1"/>
    <col min="4357" max="4388" width="3.125" style="45" customWidth="1"/>
    <col min="4389" max="4389" width="3" style="45" customWidth="1"/>
    <col min="4390" max="4608" width="9" style="45"/>
    <col min="4609" max="4609" width="1.5" style="45" customWidth="1"/>
    <col min="4610" max="4610" width="4.25" style="45" customWidth="1"/>
    <col min="4611" max="4611" width="3.375" style="45" customWidth="1"/>
    <col min="4612" max="4612" width="0.5" style="45" customWidth="1"/>
    <col min="4613" max="4644" width="3.125" style="45" customWidth="1"/>
    <col min="4645" max="4645" width="3" style="45" customWidth="1"/>
    <col min="4646" max="4864" width="9" style="45"/>
    <col min="4865" max="4865" width="1.5" style="45" customWidth="1"/>
    <col min="4866" max="4866" width="4.25" style="45" customWidth="1"/>
    <col min="4867" max="4867" width="3.375" style="45" customWidth="1"/>
    <col min="4868" max="4868" width="0.5" style="45" customWidth="1"/>
    <col min="4869" max="4900" width="3.125" style="45" customWidth="1"/>
    <col min="4901" max="4901" width="3" style="45" customWidth="1"/>
    <col min="4902" max="5120" width="9" style="45"/>
    <col min="5121" max="5121" width="1.5" style="45" customWidth="1"/>
    <col min="5122" max="5122" width="4.25" style="45" customWidth="1"/>
    <col min="5123" max="5123" width="3.375" style="45" customWidth="1"/>
    <col min="5124" max="5124" width="0.5" style="45" customWidth="1"/>
    <col min="5125" max="5156" width="3.125" style="45" customWidth="1"/>
    <col min="5157" max="5157" width="3" style="45" customWidth="1"/>
    <col min="5158" max="5376" width="9" style="45"/>
    <col min="5377" max="5377" width="1.5" style="45" customWidth="1"/>
    <col min="5378" max="5378" width="4.25" style="45" customWidth="1"/>
    <col min="5379" max="5379" width="3.375" style="45" customWidth="1"/>
    <col min="5380" max="5380" width="0.5" style="45" customWidth="1"/>
    <col min="5381" max="5412" width="3.125" style="45" customWidth="1"/>
    <col min="5413" max="5413" width="3" style="45" customWidth="1"/>
    <col min="5414" max="5632" width="9" style="45"/>
    <col min="5633" max="5633" width="1.5" style="45" customWidth="1"/>
    <col min="5634" max="5634" width="4.25" style="45" customWidth="1"/>
    <col min="5635" max="5635" width="3.375" style="45" customWidth="1"/>
    <col min="5636" max="5636" width="0.5" style="45" customWidth="1"/>
    <col min="5637" max="5668" width="3.125" style="45" customWidth="1"/>
    <col min="5669" max="5669" width="3" style="45" customWidth="1"/>
    <col min="5670" max="5888" width="9" style="45"/>
    <col min="5889" max="5889" width="1.5" style="45" customWidth="1"/>
    <col min="5890" max="5890" width="4.25" style="45" customWidth="1"/>
    <col min="5891" max="5891" width="3.375" style="45" customWidth="1"/>
    <col min="5892" max="5892" width="0.5" style="45" customWidth="1"/>
    <col min="5893" max="5924" width="3.125" style="45" customWidth="1"/>
    <col min="5925" max="5925" width="3" style="45" customWidth="1"/>
    <col min="5926" max="6144" width="9" style="45"/>
    <col min="6145" max="6145" width="1.5" style="45" customWidth="1"/>
    <col min="6146" max="6146" width="4.25" style="45" customWidth="1"/>
    <col min="6147" max="6147" width="3.375" style="45" customWidth="1"/>
    <col min="6148" max="6148" width="0.5" style="45" customWidth="1"/>
    <col min="6149" max="6180" width="3.125" style="45" customWidth="1"/>
    <col min="6181" max="6181" width="3" style="45" customWidth="1"/>
    <col min="6182" max="6400" width="9" style="45"/>
    <col min="6401" max="6401" width="1.5" style="45" customWidth="1"/>
    <col min="6402" max="6402" width="4.25" style="45" customWidth="1"/>
    <col min="6403" max="6403" width="3.375" style="45" customWidth="1"/>
    <col min="6404" max="6404" width="0.5" style="45" customWidth="1"/>
    <col min="6405" max="6436" width="3.125" style="45" customWidth="1"/>
    <col min="6437" max="6437" width="3" style="45" customWidth="1"/>
    <col min="6438" max="6656" width="9" style="45"/>
    <col min="6657" max="6657" width="1.5" style="45" customWidth="1"/>
    <col min="6658" max="6658" width="4.25" style="45" customWidth="1"/>
    <col min="6659" max="6659" width="3.375" style="45" customWidth="1"/>
    <col min="6660" max="6660" width="0.5" style="45" customWidth="1"/>
    <col min="6661" max="6692" width="3.125" style="45" customWidth="1"/>
    <col min="6693" max="6693" width="3" style="45" customWidth="1"/>
    <col min="6694" max="6912" width="9" style="45"/>
    <col min="6913" max="6913" width="1.5" style="45" customWidth="1"/>
    <col min="6914" max="6914" width="4.25" style="45" customWidth="1"/>
    <col min="6915" max="6915" width="3.375" style="45" customWidth="1"/>
    <col min="6916" max="6916" width="0.5" style="45" customWidth="1"/>
    <col min="6917" max="6948" width="3.125" style="45" customWidth="1"/>
    <col min="6949" max="6949" width="3" style="45" customWidth="1"/>
    <col min="6950" max="7168" width="9" style="45"/>
    <col min="7169" max="7169" width="1.5" style="45" customWidth="1"/>
    <col min="7170" max="7170" width="4.25" style="45" customWidth="1"/>
    <col min="7171" max="7171" width="3.375" style="45" customWidth="1"/>
    <col min="7172" max="7172" width="0.5" style="45" customWidth="1"/>
    <col min="7173" max="7204" width="3.125" style="45" customWidth="1"/>
    <col min="7205" max="7205" width="3" style="45" customWidth="1"/>
    <col min="7206" max="7424" width="9" style="45"/>
    <col min="7425" max="7425" width="1.5" style="45" customWidth="1"/>
    <col min="7426" max="7426" width="4.25" style="45" customWidth="1"/>
    <col min="7427" max="7427" width="3.375" style="45" customWidth="1"/>
    <col min="7428" max="7428" width="0.5" style="45" customWidth="1"/>
    <col min="7429" max="7460" width="3.125" style="45" customWidth="1"/>
    <col min="7461" max="7461" width="3" style="45" customWidth="1"/>
    <col min="7462" max="7680" width="9" style="45"/>
    <col min="7681" max="7681" width="1.5" style="45" customWidth="1"/>
    <col min="7682" max="7682" width="4.25" style="45" customWidth="1"/>
    <col min="7683" max="7683" width="3.375" style="45" customWidth="1"/>
    <col min="7684" max="7684" width="0.5" style="45" customWidth="1"/>
    <col min="7685" max="7716" width="3.125" style="45" customWidth="1"/>
    <col min="7717" max="7717" width="3" style="45" customWidth="1"/>
    <col min="7718" max="7936" width="9" style="45"/>
    <col min="7937" max="7937" width="1.5" style="45" customWidth="1"/>
    <col min="7938" max="7938" width="4.25" style="45" customWidth="1"/>
    <col min="7939" max="7939" width="3.375" style="45" customWidth="1"/>
    <col min="7940" max="7940" width="0.5" style="45" customWidth="1"/>
    <col min="7941" max="7972" width="3.125" style="45" customWidth="1"/>
    <col min="7973" max="7973" width="3" style="45" customWidth="1"/>
    <col min="7974" max="8192" width="9" style="45"/>
    <col min="8193" max="8193" width="1.5" style="45" customWidth="1"/>
    <col min="8194" max="8194" width="4.25" style="45" customWidth="1"/>
    <col min="8195" max="8195" width="3.375" style="45" customWidth="1"/>
    <col min="8196" max="8196" width="0.5" style="45" customWidth="1"/>
    <col min="8197" max="8228" width="3.125" style="45" customWidth="1"/>
    <col min="8229" max="8229" width="3" style="45" customWidth="1"/>
    <col min="8230" max="8448" width="9" style="45"/>
    <col min="8449" max="8449" width="1.5" style="45" customWidth="1"/>
    <col min="8450" max="8450" width="4.25" style="45" customWidth="1"/>
    <col min="8451" max="8451" width="3.375" style="45" customWidth="1"/>
    <col min="8452" max="8452" width="0.5" style="45" customWidth="1"/>
    <col min="8453" max="8484" width="3.125" style="45" customWidth="1"/>
    <col min="8485" max="8485" width="3" style="45" customWidth="1"/>
    <col min="8486" max="8704" width="9" style="45"/>
    <col min="8705" max="8705" width="1.5" style="45" customWidth="1"/>
    <col min="8706" max="8706" width="4.25" style="45" customWidth="1"/>
    <col min="8707" max="8707" width="3.375" style="45" customWidth="1"/>
    <col min="8708" max="8708" width="0.5" style="45" customWidth="1"/>
    <col min="8709" max="8740" width="3.125" style="45" customWidth="1"/>
    <col min="8741" max="8741" width="3" style="45" customWidth="1"/>
    <col min="8742" max="8960" width="9" style="45"/>
    <col min="8961" max="8961" width="1.5" style="45" customWidth="1"/>
    <col min="8962" max="8962" width="4.25" style="45" customWidth="1"/>
    <col min="8963" max="8963" width="3.375" style="45" customWidth="1"/>
    <col min="8964" max="8964" width="0.5" style="45" customWidth="1"/>
    <col min="8965" max="8996" width="3.125" style="45" customWidth="1"/>
    <col min="8997" max="8997" width="3" style="45" customWidth="1"/>
    <col min="8998" max="9216" width="9" style="45"/>
    <col min="9217" max="9217" width="1.5" style="45" customWidth="1"/>
    <col min="9218" max="9218" width="4.25" style="45" customWidth="1"/>
    <col min="9219" max="9219" width="3.375" style="45" customWidth="1"/>
    <col min="9220" max="9220" width="0.5" style="45" customWidth="1"/>
    <col min="9221" max="9252" width="3.125" style="45" customWidth="1"/>
    <col min="9253" max="9253" width="3" style="45" customWidth="1"/>
    <col min="9254" max="9472" width="9" style="45"/>
    <col min="9473" max="9473" width="1.5" style="45" customWidth="1"/>
    <col min="9474" max="9474" width="4.25" style="45" customWidth="1"/>
    <col min="9475" max="9475" width="3.375" style="45" customWidth="1"/>
    <col min="9476" max="9476" width="0.5" style="45" customWidth="1"/>
    <col min="9477" max="9508" width="3.125" style="45" customWidth="1"/>
    <col min="9509" max="9509" width="3" style="45" customWidth="1"/>
    <col min="9510" max="9728" width="9" style="45"/>
    <col min="9729" max="9729" width="1.5" style="45" customWidth="1"/>
    <col min="9730" max="9730" width="4.25" style="45" customWidth="1"/>
    <col min="9731" max="9731" width="3.375" style="45" customWidth="1"/>
    <col min="9732" max="9732" width="0.5" style="45" customWidth="1"/>
    <col min="9733" max="9764" width="3.125" style="45" customWidth="1"/>
    <col min="9765" max="9765" width="3" style="45" customWidth="1"/>
    <col min="9766" max="9984" width="9" style="45"/>
    <col min="9985" max="9985" width="1.5" style="45" customWidth="1"/>
    <col min="9986" max="9986" width="4.25" style="45" customWidth="1"/>
    <col min="9987" max="9987" width="3.375" style="45" customWidth="1"/>
    <col min="9988" max="9988" width="0.5" style="45" customWidth="1"/>
    <col min="9989" max="10020" width="3.125" style="45" customWidth="1"/>
    <col min="10021" max="10021" width="3" style="45" customWidth="1"/>
    <col min="10022" max="10240" width="9" style="45"/>
    <col min="10241" max="10241" width="1.5" style="45" customWidth="1"/>
    <col min="10242" max="10242" width="4.25" style="45" customWidth="1"/>
    <col min="10243" max="10243" width="3.375" style="45" customWidth="1"/>
    <col min="10244" max="10244" width="0.5" style="45" customWidth="1"/>
    <col min="10245" max="10276" width="3.125" style="45" customWidth="1"/>
    <col min="10277" max="10277" width="3" style="45" customWidth="1"/>
    <col min="10278" max="10496" width="9" style="45"/>
    <col min="10497" max="10497" width="1.5" style="45" customWidth="1"/>
    <col min="10498" max="10498" width="4.25" style="45" customWidth="1"/>
    <col min="10499" max="10499" width="3.375" style="45" customWidth="1"/>
    <col min="10500" max="10500" width="0.5" style="45" customWidth="1"/>
    <col min="10501" max="10532" width="3.125" style="45" customWidth="1"/>
    <col min="10533" max="10533" width="3" style="45" customWidth="1"/>
    <col min="10534" max="10752" width="9" style="45"/>
    <col min="10753" max="10753" width="1.5" style="45" customWidth="1"/>
    <col min="10754" max="10754" width="4.25" style="45" customWidth="1"/>
    <col min="10755" max="10755" width="3.375" style="45" customWidth="1"/>
    <col min="10756" max="10756" width="0.5" style="45" customWidth="1"/>
    <col min="10757" max="10788" width="3.125" style="45" customWidth="1"/>
    <col min="10789" max="10789" width="3" style="45" customWidth="1"/>
    <col min="10790" max="11008" width="9" style="45"/>
    <col min="11009" max="11009" width="1.5" style="45" customWidth="1"/>
    <col min="11010" max="11010" width="4.25" style="45" customWidth="1"/>
    <col min="11011" max="11011" width="3.375" style="45" customWidth="1"/>
    <col min="11012" max="11012" width="0.5" style="45" customWidth="1"/>
    <col min="11013" max="11044" width="3.125" style="45" customWidth="1"/>
    <col min="11045" max="11045" width="3" style="45" customWidth="1"/>
    <col min="11046" max="11264" width="9" style="45"/>
    <col min="11265" max="11265" width="1.5" style="45" customWidth="1"/>
    <col min="11266" max="11266" width="4.25" style="45" customWidth="1"/>
    <col min="11267" max="11267" width="3.375" style="45" customWidth="1"/>
    <col min="11268" max="11268" width="0.5" style="45" customWidth="1"/>
    <col min="11269" max="11300" width="3.125" style="45" customWidth="1"/>
    <col min="11301" max="11301" width="3" style="45" customWidth="1"/>
    <col min="11302" max="11520" width="9" style="45"/>
    <col min="11521" max="11521" width="1.5" style="45" customWidth="1"/>
    <col min="11522" max="11522" width="4.25" style="45" customWidth="1"/>
    <col min="11523" max="11523" width="3.375" style="45" customWidth="1"/>
    <col min="11524" max="11524" width="0.5" style="45" customWidth="1"/>
    <col min="11525" max="11556" width="3.125" style="45" customWidth="1"/>
    <col min="11557" max="11557" width="3" style="45" customWidth="1"/>
    <col min="11558" max="11776" width="9" style="45"/>
    <col min="11777" max="11777" width="1.5" style="45" customWidth="1"/>
    <col min="11778" max="11778" width="4.25" style="45" customWidth="1"/>
    <col min="11779" max="11779" width="3.375" style="45" customWidth="1"/>
    <col min="11780" max="11780" width="0.5" style="45" customWidth="1"/>
    <col min="11781" max="11812" width="3.125" style="45" customWidth="1"/>
    <col min="11813" max="11813" width="3" style="45" customWidth="1"/>
    <col min="11814" max="12032" width="9" style="45"/>
    <col min="12033" max="12033" width="1.5" style="45" customWidth="1"/>
    <col min="12034" max="12034" width="4.25" style="45" customWidth="1"/>
    <col min="12035" max="12035" width="3.375" style="45" customWidth="1"/>
    <col min="12036" max="12036" width="0.5" style="45" customWidth="1"/>
    <col min="12037" max="12068" width="3.125" style="45" customWidth="1"/>
    <col min="12069" max="12069" width="3" style="45" customWidth="1"/>
    <col min="12070" max="12288" width="9" style="45"/>
    <col min="12289" max="12289" width="1.5" style="45" customWidth="1"/>
    <col min="12290" max="12290" width="4.25" style="45" customWidth="1"/>
    <col min="12291" max="12291" width="3.375" style="45" customWidth="1"/>
    <col min="12292" max="12292" width="0.5" style="45" customWidth="1"/>
    <col min="12293" max="12324" width="3.125" style="45" customWidth="1"/>
    <col min="12325" max="12325" width="3" style="45" customWidth="1"/>
    <col min="12326" max="12544" width="9" style="45"/>
    <col min="12545" max="12545" width="1.5" style="45" customWidth="1"/>
    <col min="12546" max="12546" width="4.25" style="45" customWidth="1"/>
    <col min="12547" max="12547" width="3.375" style="45" customWidth="1"/>
    <col min="12548" max="12548" width="0.5" style="45" customWidth="1"/>
    <col min="12549" max="12580" width="3.125" style="45" customWidth="1"/>
    <col min="12581" max="12581" width="3" style="45" customWidth="1"/>
    <col min="12582" max="12800" width="9" style="45"/>
    <col min="12801" max="12801" width="1.5" style="45" customWidth="1"/>
    <col min="12802" max="12802" width="4.25" style="45" customWidth="1"/>
    <col min="12803" max="12803" width="3.375" style="45" customWidth="1"/>
    <col min="12804" max="12804" width="0.5" style="45" customWidth="1"/>
    <col min="12805" max="12836" width="3.125" style="45" customWidth="1"/>
    <col min="12837" max="12837" width="3" style="45" customWidth="1"/>
    <col min="12838" max="13056" width="9" style="45"/>
    <col min="13057" max="13057" width="1.5" style="45" customWidth="1"/>
    <col min="13058" max="13058" width="4.25" style="45" customWidth="1"/>
    <col min="13059" max="13059" width="3.375" style="45" customWidth="1"/>
    <col min="13060" max="13060" width="0.5" style="45" customWidth="1"/>
    <col min="13061" max="13092" width="3.125" style="45" customWidth="1"/>
    <col min="13093" max="13093" width="3" style="45" customWidth="1"/>
    <col min="13094" max="13312" width="9" style="45"/>
    <col min="13313" max="13313" width="1.5" style="45" customWidth="1"/>
    <col min="13314" max="13314" width="4.25" style="45" customWidth="1"/>
    <col min="13315" max="13315" width="3.375" style="45" customWidth="1"/>
    <col min="13316" max="13316" width="0.5" style="45" customWidth="1"/>
    <col min="13317" max="13348" width="3.125" style="45" customWidth="1"/>
    <col min="13349" max="13349" width="3" style="45" customWidth="1"/>
    <col min="13350" max="13568" width="9" style="45"/>
    <col min="13569" max="13569" width="1.5" style="45" customWidth="1"/>
    <col min="13570" max="13570" width="4.25" style="45" customWidth="1"/>
    <col min="13571" max="13571" width="3.375" style="45" customWidth="1"/>
    <col min="13572" max="13572" width="0.5" style="45" customWidth="1"/>
    <col min="13573" max="13604" width="3.125" style="45" customWidth="1"/>
    <col min="13605" max="13605" width="3" style="45" customWidth="1"/>
    <col min="13606" max="13824" width="9" style="45"/>
    <col min="13825" max="13825" width="1.5" style="45" customWidth="1"/>
    <col min="13826" max="13826" width="4.25" style="45" customWidth="1"/>
    <col min="13827" max="13827" width="3.375" style="45" customWidth="1"/>
    <col min="13828" max="13828" width="0.5" style="45" customWidth="1"/>
    <col min="13829" max="13860" width="3.125" style="45" customWidth="1"/>
    <col min="13861" max="13861" width="3" style="45" customWidth="1"/>
    <col min="13862" max="14080" width="9" style="45"/>
    <col min="14081" max="14081" width="1.5" style="45" customWidth="1"/>
    <col min="14082" max="14082" width="4.25" style="45" customWidth="1"/>
    <col min="14083" max="14083" width="3.375" style="45" customWidth="1"/>
    <col min="14084" max="14084" width="0.5" style="45" customWidth="1"/>
    <col min="14085" max="14116" width="3.125" style="45" customWidth="1"/>
    <col min="14117" max="14117" width="3" style="45" customWidth="1"/>
    <col min="14118" max="14336" width="9" style="45"/>
    <col min="14337" max="14337" width="1.5" style="45" customWidth="1"/>
    <col min="14338" max="14338" width="4.25" style="45" customWidth="1"/>
    <col min="14339" max="14339" width="3.375" style="45" customWidth="1"/>
    <col min="14340" max="14340" width="0.5" style="45" customWidth="1"/>
    <col min="14341" max="14372" width="3.125" style="45" customWidth="1"/>
    <col min="14373" max="14373" width="3" style="45" customWidth="1"/>
    <col min="14374" max="14592" width="9" style="45"/>
    <col min="14593" max="14593" width="1.5" style="45" customWidth="1"/>
    <col min="14594" max="14594" width="4.25" style="45" customWidth="1"/>
    <col min="14595" max="14595" width="3.375" style="45" customWidth="1"/>
    <col min="14596" max="14596" width="0.5" style="45" customWidth="1"/>
    <col min="14597" max="14628" width="3.125" style="45" customWidth="1"/>
    <col min="14629" max="14629" width="3" style="45" customWidth="1"/>
    <col min="14630" max="14848" width="9" style="45"/>
    <col min="14849" max="14849" width="1.5" style="45" customWidth="1"/>
    <col min="14850" max="14850" width="4.25" style="45" customWidth="1"/>
    <col min="14851" max="14851" width="3.375" style="45" customWidth="1"/>
    <col min="14852" max="14852" width="0.5" style="45" customWidth="1"/>
    <col min="14853" max="14884" width="3.125" style="45" customWidth="1"/>
    <col min="14885" max="14885" width="3" style="45" customWidth="1"/>
    <col min="14886" max="15104" width="9" style="45"/>
    <col min="15105" max="15105" width="1.5" style="45" customWidth="1"/>
    <col min="15106" max="15106" width="4.25" style="45" customWidth="1"/>
    <col min="15107" max="15107" width="3.375" style="45" customWidth="1"/>
    <col min="15108" max="15108" width="0.5" style="45" customWidth="1"/>
    <col min="15109" max="15140" width="3.125" style="45" customWidth="1"/>
    <col min="15141" max="15141" width="3" style="45" customWidth="1"/>
    <col min="15142" max="15360" width="9" style="45"/>
    <col min="15361" max="15361" width="1.5" style="45" customWidth="1"/>
    <col min="15362" max="15362" width="4.25" style="45" customWidth="1"/>
    <col min="15363" max="15363" width="3.375" style="45" customWidth="1"/>
    <col min="15364" max="15364" width="0.5" style="45" customWidth="1"/>
    <col min="15365" max="15396" width="3.125" style="45" customWidth="1"/>
    <col min="15397" max="15397" width="3" style="45" customWidth="1"/>
    <col min="15398" max="15616" width="9" style="45"/>
    <col min="15617" max="15617" width="1.5" style="45" customWidth="1"/>
    <col min="15618" max="15618" width="4.25" style="45" customWidth="1"/>
    <col min="15619" max="15619" width="3.375" style="45" customWidth="1"/>
    <col min="15620" max="15620" width="0.5" style="45" customWidth="1"/>
    <col min="15621" max="15652" width="3.125" style="45" customWidth="1"/>
    <col min="15653" max="15653" width="3" style="45" customWidth="1"/>
    <col min="15654" max="15872" width="9" style="45"/>
    <col min="15873" max="15873" width="1.5" style="45" customWidth="1"/>
    <col min="15874" max="15874" width="4.25" style="45" customWidth="1"/>
    <col min="15875" max="15875" width="3.375" style="45" customWidth="1"/>
    <col min="15876" max="15876" width="0.5" style="45" customWidth="1"/>
    <col min="15877" max="15908" width="3.125" style="45" customWidth="1"/>
    <col min="15909" max="15909" width="3" style="45" customWidth="1"/>
    <col min="15910" max="16128" width="9" style="45"/>
    <col min="16129" max="16129" width="1.5" style="45" customWidth="1"/>
    <col min="16130" max="16130" width="4.25" style="45" customWidth="1"/>
    <col min="16131" max="16131" width="3.375" style="45" customWidth="1"/>
    <col min="16132" max="16132" width="0.5" style="45" customWidth="1"/>
    <col min="16133" max="16164" width="3.125" style="45" customWidth="1"/>
    <col min="16165" max="16165" width="3" style="45" customWidth="1"/>
    <col min="16166" max="16384" width="9" style="45"/>
  </cols>
  <sheetData>
    <row r="1" spans="2:38" s="1" customFormat="1" x14ac:dyDescent="0.15"/>
    <row r="2" spans="2:38" s="1" customFormat="1" x14ac:dyDescent="0.15">
      <c r="B2" s="2" t="s">
        <v>0</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row>
    <row r="3" spans="2:38" s="1" customFormat="1" ht="14.25" customHeight="1" x14ac:dyDescent="0.15">
      <c r="AB3" s="3" t="s">
        <v>1</v>
      </c>
      <c r="AC3" s="4"/>
      <c r="AD3" s="4"/>
      <c r="AE3" s="4"/>
      <c r="AF3" s="5"/>
      <c r="AG3" s="6"/>
      <c r="AH3" s="7"/>
      <c r="AI3" s="7"/>
      <c r="AJ3" s="7"/>
      <c r="AK3" s="8"/>
      <c r="AL3" s="9"/>
    </row>
    <row r="4" spans="2:38" s="1" customFormat="1" x14ac:dyDescent="0.15"/>
    <row r="5" spans="2:38" s="1" customFormat="1" x14ac:dyDescent="0.15">
      <c r="B5" s="10" t="s">
        <v>98</v>
      </c>
      <c r="C5" s="10"/>
      <c r="D5" s="10"/>
      <c r="E5" s="10"/>
      <c r="F5" s="10"/>
      <c r="G5" s="10"/>
      <c r="H5" s="10"/>
      <c r="I5" s="10"/>
      <c r="J5" s="10"/>
      <c r="K5" s="10"/>
      <c r="L5" s="10"/>
      <c r="M5" s="10"/>
      <c r="N5" s="10"/>
      <c r="O5" s="10"/>
      <c r="P5" s="10"/>
      <c r="Q5" s="10"/>
      <c r="R5" s="10"/>
      <c r="S5" s="10"/>
      <c r="T5" s="10"/>
      <c r="U5" s="10"/>
      <c r="V5" s="10"/>
      <c r="W5" s="10"/>
      <c r="X5" s="10"/>
      <c r="Y5" s="10"/>
      <c r="Z5" s="10"/>
      <c r="AA5" s="10"/>
      <c r="AB5" s="10"/>
      <c r="AC5" s="10"/>
      <c r="AD5" s="10"/>
      <c r="AE5" s="10"/>
      <c r="AF5" s="10"/>
      <c r="AG5" s="10"/>
      <c r="AH5" s="10"/>
      <c r="AI5" s="10"/>
      <c r="AJ5" s="10"/>
      <c r="AK5" s="10"/>
    </row>
    <row r="6" spans="2:38" s="1" customFormat="1" x14ac:dyDescent="0.15">
      <c r="B6" s="10" t="s">
        <v>2</v>
      </c>
      <c r="C6" s="10"/>
      <c r="D6" s="10"/>
      <c r="E6" s="10"/>
      <c r="F6" s="10"/>
      <c r="G6" s="10"/>
      <c r="H6" s="10"/>
      <c r="I6" s="10"/>
      <c r="J6" s="10"/>
      <c r="K6" s="10"/>
      <c r="L6" s="10"/>
      <c r="M6" s="10"/>
      <c r="N6" s="10"/>
      <c r="O6" s="10"/>
      <c r="P6" s="10"/>
      <c r="Q6" s="10"/>
      <c r="R6" s="10"/>
      <c r="S6" s="10"/>
      <c r="T6" s="10"/>
      <c r="U6" s="10"/>
      <c r="V6" s="10"/>
      <c r="W6" s="10"/>
      <c r="X6" s="10"/>
      <c r="Y6" s="10"/>
      <c r="Z6" s="10"/>
      <c r="AA6" s="10"/>
      <c r="AB6" s="10"/>
      <c r="AC6" s="10"/>
      <c r="AD6" s="10"/>
      <c r="AE6" s="10"/>
      <c r="AF6" s="10"/>
      <c r="AG6" s="10"/>
      <c r="AH6" s="10"/>
      <c r="AI6" s="10"/>
      <c r="AJ6" s="10"/>
      <c r="AK6" s="10"/>
    </row>
    <row r="7" spans="2:38" s="1" customFormat="1" ht="13.5" customHeight="1" x14ac:dyDescent="0.15">
      <c r="AE7" s="11" t="s">
        <v>3</v>
      </c>
      <c r="AF7" s="10"/>
      <c r="AG7" s="10"/>
      <c r="AH7" s="1" t="s">
        <v>4</v>
      </c>
      <c r="AI7" s="10"/>
      <c r="AJ7" s="10"/>
      <c r="AK7" s="1" t="s">
        <v>5</v>
      </c>
    </row>
    <row r="8" spans="2:38" s="1" customFormat="1" x14ac:dyDescent="0.15">
      <c r="B8" s="10"/>
      <c r="C8" s="10"/>
      <c r="D8" s="10"/>
      <c r="E8" s="10"/>
      <c r="F8" s="10"/>
      <c r="G8" s="10"/>
      <c r="H8" s="10" t="s">
        <v>97</v>
      </c>
      <c r="I8" s="10"/>
      <c r="J8" s="10"/>
      <c r="K8" s="1" t="s">
        <v>6</v>
      </c>
      <c r="L8" s="12"/>
      <c r="M8" s="12"/>
      <c r="N8" s="12"/>
      <c r="O8" s="12"/>
      <c r="P8" s="12"/>
      <c r="Q8" s="12"/>
      <c r="R8" s="12"/>
      <c r="S8" s="12"/>
      <c r="T8" s="12"/>
    </row>
    <row r="9" spans="2:38" s="1" customFormat="1" x14ac:dyDescent="0.15">
      <c r="B9" s="12"/>
      <c r="C9" s="12"/>
      <c r="D9" s="12"/>
      <c r="E9" s="12"/>
      <c r="F9" s="12"/>
      <c r="G9" s="12"/>
      <c r="H9" s="12"/>
      <c r="I9" s="12"/>
      <c r="J9" s="12"/>
      <c r="L9" s="12"/>
      <c r="M9" s="12"/>
      <c r="N9" s="12"/>
      <c r="O9" s="12"/>
      <c r="P9" s="12"/>
      <c r="Q9" s="12"/>
      <c r="R9" s="12"/>
      <c r="S9" s="12"/>
      <c r="T9" s="12"/>
      <c r="V9" s="155" t="s">
        <v>99</v>
      </c>
      <c r="W9" s="154"/>
      <c r="X9" s="154"/>
    </row>
    <row r="10" spans="2:38" s="1" customFormat="1" x14ac:dyDescent="0.15">
      <c r="B10" s="12"/>
      <c r="C10" s="12"/>
      <c r="D10" s="12"/>
      <c r="E10" s="12"/>
      <c r="F10" s="12"/>
      <c r="G10" s="12"/>
      <c r="H10" s="12"/>
      <c r="I10" s="12"/>
      <c r="J10" s="12"/>
      <c r="L10" s="12"/>
      <c r="M10" s="12"/>
      <c r="N10" s="12"/>
      <c r="O10" s="12"/>
      <c r="P10" s="12"/>
      <c r="Q10" s="12"/>
      <c r="R10" s="12"/>
      <c r="S10" s="12"/>
      <c r="T10" s="12"/>
      <c r="V10"/>
      <c r="W10"/>
      <c r="X10"/>
    </row>
    <row r="11" spans="2:38" s="1" customFormat="1" x14ac:dyDescent="0.15">
      <c r="B11" s="12"/>
      <c r="C11" s="12"/>
      <c r="D11" s="12"/>
      <c r="E11" s="12"/>
      <c r="F11" s="12"/>
      <c r="G11" s="12"/>
      <c r="H11" s="12"/>
      <c r="I11" s="12"/>
      <c r="J11" s="12"/>
      <c r="L11" s="12"/>
      <c r="M11" s="12"/>
      <c r="N11" s="12"/>
      <c r="O11" s="12"/>
      <c r="P11" s="12"/>
      <c r="Q11" s="12"/>
      <c r="R11" s="12"/>
      <c r="S11" s="12"/>
      <c r="T11" s="12"/>
      <c r="V11" s="2" t="s">
        <v>100</v>
      </c>
      <c r="W11" s="12"/>
      <c r="X11" s="12"/>
    </row>
    <row r="12" spans="2:38" s="1" customFormat="1" x14ac:dyDescent="0.15">
      <c r="AA12" s="11"/>
      <c r="AB12" s="13"/>
      <c r="AC12" s="13"/>
      <c r="AD12" s="13"/>
      <c r="AE12" s="13"/>
      <c r="AF12" s="13"/>
      <c r="AG12" s="13"/>
      <c r="AH12" s="13"/>
      <c r="AI12" s="13"/>
      <c r="AJ12" s="13"/>
      <c r="AK12" s="13"/>
    </row>
    <row r="13" spans="2:38" s="1" customFormat="1" x14ac:dyDescent="0.15">
      <c r="AA13" s="11"/>
      <c r="AB13" s="2"/>
      <c r="AC13" s="2"/>
      <c r="AD13" s="2"/>
      <c r="AE13" s="2"/>
      <c r="AF13" s="2"/>
      <c r="AG13" s="2"/>
      <c r="AH13" s="2"/>
      <c r="AI13" s="2"/>
      <c r="AJ13" s="2"/>
      <c r="AK13" s="2"/>
    </row>
    <row r="14" spans="2:38" s="1" customFormat="1" x14ac:dyDescent="0.15">
      <c r="C14" s="45" t="s">
        <v>101</v>
      </c>
      <c r="D14" s="2"/>
    </row>
    <row r="15" spans="2:38" s="1" customFormat="1" ht="6.75" customHeight="1" x14ac:dyDescent="0.15">
      <c r="C15" s="2"/>
      <c r="D15" s="2"/>
    </row>
    <row r="16" spans="2:38" s="1" customFormat="1" ht="14.25" customHeight="1" x14ac:dyDescent="0.15">
      <c r="B16" s="14" t="s">
        <v>7</v>
      </c>
      <c r="C16" s="15" t="s">
        <v>8</v>
      </c>
      <c r="D16" s="16"/>
      <c r="E16" s="16"/>
      <c r="F16" s="16"/>
      <c r="G16" s="16"/>
      <c r="H16" s="16"/>
      <c r="I16" s="16"/>
      <c r="J16" s="16"/>
      <c r="K16" s="16"/>
      <c r="L16" s="17"/>
      <c r="M16" s="18"/>
      <c r="N16" s="19"/>
      <c r="O16" s="19"/>
      <c r="P16" s="19"/>
      <c r="Q16" s="19"/>
      <c r="R16" s="19"/>
      <c r="S16" s="19"/>
      <c r="T16" s="19"/>
      <c r="U16" s="19"/>
      <c r="V16" s="19"/>
      <c r="W16" s="19"/>
      <c r="X16" s="19"/>
      <c r="Y16" s="19"/>
      <c r="Z16" s="19"/>
      <c r="AA16" s="19"/>
      <c r="AB16" s="19"/>
      <c r="AC16" s="19"/>
      <c r="AD16" s="19"/>
      <c r="AE16" s="19"/>
      <c r="AF16" s="19"/>
      <c r="AG16" s="19"/>
      <c r="AH16" s="19"/>
      <c r="AI16" s="19"/>
      <c r="AJ16" s="19"/>
      <c r="AK16" s="20"/>
    </row>
    <row r="17" spans="2:37" s="1" customFormat="1" ht="14.25" customHeight="1" x14ac:dyDescent="0.15">
      <c r="B17" s="21"/>
      <c r="C17" s="22" t="s">
        <v>9</v>
      </c>
      <c r="D17" s="23"/>
      <c r="E17" s="23"/>
      <c r="F17" s="23"/>
      <c r="G17" s="23"/>
      <c r="H17" s="23"/>
      <c r="I17" s="23"/>
      <c r="J17" s="23"/>
      <c r="K17" s="23"/>
      <c r="L17" s="23"/>
      <c r="M17" s="24"/>
      <c r="N17" s="25"/>
      <c r="O17" s="25"/>
      <c r="P17" s="25"/>
      <c r="Q17" s="25"/>
      <c r="R17" s="25"/>
      <c r="S17" s="25"/>
      <c r="T17" s="25"/>
      <c r="U17" s="25"/>
      <c r="V17" s="25"/>
      <c r="W17" s="25"/>
      <c r="X17" s="25"/>
      <c r="Y17" s="25"/>
      <c r="Z17" s="25"/>
      <c r="AA17" s="25"/>
      <c r="AB17" s="25"/>
      <c r="AC17" s="25"/>
      <c r="AD17" s="25"/>
      <c r="AE17" s="25"/>
      <c r="AF17" s="25"/>
      <c r="AG17" s="25"/>
      <c r="AH17" s="25"/>
      <c r="AI17" s="25"/>
      <c r="AJ17" s="25"/>
      <c r="AK17" s="26"/>
    </row>
    <row r="18" spans="2:37" s="1" customFormat="1" ht="13.5" customHeight="1" x14ac:dyDescent="0.15">
      <c r="B18" s="21"/>
      <c r="C18" s="15" t="s">
        <v>10</v>
      </c>
      <c r="D18" s="16"/>
      <c r="E18" s="16"/>
      <c r="F18" s="16"/>
      <c r="G18" s="16"/>
      <c r="H18" s="16"/>
      <c r="I18" s="16"/>
      <c r="J18" s="16"/>
      <c r="K18" s="16"/>
      <c r="L18" s="16"/>
      <c r="M18" s="27" t="s">
        <v>11</v>
      </c>
      <c r="N18" s="27"/>
      <c r="O18" s="27"/>
      <c r="P18" s="27"/>
      <c r="Q18" s="27"/>
      <c r="R18" s="27"/>
      <c r="S18" s="27"/>
      <c r="T18" s="28" t="s">
        <v>12</v>
      </c>
      <c r="U18" s="27"/>
      <c r="V18" s="27"/>
      <c r="W18" s="27"/>
      <c r="X18" s="28" t="s">
        <v>13</v>
      </c>
      <c r="Y18" s="27"/>
      <c r="Z18" s="27"/>
      <c r="AA18" s="27"/>
      <c r="AB18" s="27"/>
      <c r="AC18" s="27"/>
      <c r="AD18" s="27"/>
      <c r="AE18" s="27"/>
      <c r="AF18" s="27"/>
      <c r="AG18" s="27"/>
      <c r="AH18" s="27"/>
      <c r="AI18" s="27"/>
      <c r="AJ18" s="27"/>
      <c r="AK18" s="29"/>
    </row>
    <row r="19" spans="2:37" s="1" customFormat="1" ht="13.5" customHeight="1" x14ac:dyDescent="0.15">
      <c r="B19" s="21"/>
      <c r="C19" s="30"/>
      <c r="D19" s="31"/>
      <c r="E19" s="31"/>
      <c r="F19" s="31"/>
      <c r="G19" s="31"/>
      <c r="H19" s="31"/>
      <c r="I19" s="31"/>
      <c r="J19" s="31"/>
      <c r="K19" s="31"/>
      <c r="L19" s="31"/>
      <c r="M19" s="32" t="s">
        <v>14</v>
      </c>
      <c r="N19" s="32"/>
      <c r="O19" s="32"/>
      <c r="P19" s="32"/>
      <c r="Q19" s="33" t="s">
        <v>15</v>
      </c>
      <c r="R19" s="32"/>
      <c r="S19" s="32"/>
      <c r="T19" s="32"/>
      <c r="U19" s="32"/>
      <c r="V19" s="32" t="s">
        <v>16</v>
      </c>
      <c r="W19" s="32"/>
      <c r="X19" s="32"/>
      <c r="Y19" s="32"/>
      <c r="Z19" s="32"/>
      <c r="AA19" s="32"/>
      <c r="AB19" s="32"/>
      <c r="AC19" s="32"/>
      <c r="AD19" s="32"/>
      <c r="AE19" s="32"/>
      <c r="AF19" s="32"/>
      <c r="AG19" s="32"/>
      <c r="AH19" s="32"/>
      <c r="AI19" s="32"/>
      <c r="AJ19" s="32"/>
      <c r="AK19" s="34"/>
    </row>
    <row r="20" spans="2:37" s="1" customFormat="1" ht="13.5" customHeight="1" x14ac:dyDescent="0.15">
      <c r="B20" s="21"/>
      <c r="C20" s="22"/>
      <c r="D20" s="23"/>
      <c r="E20" s="23"/>
      <c r="F20" s="23"/>
      <c r="G20" s="23"/>
      <c r="H20" s="23"/>
      <c r="I20" s="23"/>
      <c r="J20" s="23"/>
      <c r="K20" s="23"/>
      <c r="L20" s="23"/>
      <c r="M20" s="35" t="s">
        <v>17</v>
      </c>
      <c r="N20" s="35"/>
      <c r="O20" s="35"/>
      <c r="P20" s="35"/>
      <c r="Q20" s="35"/>
      <c r="R20" s="35"/>
      <c r="S20" s="35"/>
      <c r="T20" s="35"/>
      <c r="U20" s="35"/>
      <c r="V20" s="35"/>
      <c r="W20" s="35"/>
      <c r="X20" s="35"/>
      <c r="Y20" s="35"/>
      <c r="Z20" s="35"/>
      <c r="AA20" s="35"/>
      <c r="AB20" s="35"/>
      <c r="AC20" s="35"/>
      <c r="AD20" s="35"/>
      <c r="AE20" s="35"/>
      <c r="AF20" s="35"/>
      <c r="AG20" s="35"/>
      <c r="AH20" s="35"/>
      <c r="AI20" s="35"/>
      <c r="AJ20" s="35"/>
      <c r="AK20" s="36"/>
    </row>
    <row r="21" spans="2:37" s="1" customFormat="1" ht="14.25" customHeight="1" x14ac:dyDescent="0.15">
      <c r="B21" s="21"/>
      <c r="C21" s="37" t="s">
        <v>18</v>
      </c>
      <c r="D21" s="38"/>
      <c r="E21" s="38"/>
      <c r="F21" s="38"/>
      <c r="G21" s="38"/>
      <c r="H21" s="38"/>
      <c r="I21" s="38"/>
      <c r="J21" s="38"/>
      <c r="K21" s="38"/>
      <c r="L21" s="38"/>
      <c r="M21" s="3" t="s">
        <v>19</v>
      </c>
      <c r="N21" s="4"/>
      <c r="O21" s="4"/>
      <c r="P21" s="4"/>
      <c r="Q21" s="5"/>
      <c r="R21" s="6"/>
      <c r="S21" s="7"/>
      <c r="T21" s="7"/>
      <c r="U21" s="7"/>
      <c r="V21" s="7"/>
      <c r="W21" s="7"/>
      <c r="X21" s="7"/>
      <c r="Y21" s="7"/>
      <c r="Z21" s="7"/>
      <c r="AA21" s="8"/>
      <c r="AB21" s="39" t="s">
        <v>20</v>
      </c>
      <c r="AC21" s="27"/>
      <c r="AD21" s="27"/>
      <c r="AE21" s="27"/>
      <c r="AF21" s="29"/>
      <c r="AG21" s="6"/>
      <c r="AH21" s="7"/>
      <c r="AI21" s="7"/>
      <c r="AJ21" s="7"/>
      <c r="AK21" s="8"/>
    </row>
    <row r="22" spans="2:37" ht="14.25" customHeight="1" x14ac:dyDescent="0.15">
      <c r="B22" s="21"/>
      <c r="C22" s="40" t="s">
        <v>21</v>
      </c>
      <c r="D22" s="41"/>
      <c r="E22" s="41"/>
      <c r="F22" s="41"/>
      <c r="G22" s="41"/>
      <c r="H22" s="41"/>
      <c r="I22" s="41"/>
      <c r="J22" s="41"/>
      <c r="K22" s="41"/>
      <c r="L22" s="41"/>
      <c r="M22" s="42"/>
      <c r="N22" s="43"/>
      <c r="O22" s="43"/>
      <c r="P22" s="43"/>
      <c r="Q22" s="43"/>
      <c r="R22" s="43"/>
      <c r="S22" s="43"/>
      <c r="T22" s="43"/>
      <c r="U22" s="44"/>
      <c r="V22" s="3" t="s">
        <v>22</v>
      </c>
      <c r="W22" s="4"/>
      <c r="X22" s="4"/>
      <c r="Y22" s="4"/>
      <c r="Z22" s="4"/>
      <c r="AA22" s="5"/>
      <c r="AB22" s="42"/>
      <c r="AC22" s="43"/>
      <c r="AD22" s="43"/>
      <c r="AE22" s="43"/>
      <c r="AF22" s="43"/>
      <c r="AG22" s="43"/>
      <c r="AH22" s="43"/>
      <c r="AI22" s="43"/>
      <c r="AJ22" s="43"/>
      <c r="AK22" s="44"/>
    </row>
    <row r="23" spans="2:37" ht="14.25" customHeight="1" x14ac:dyDescent="0.15">
      <c r="B23" s="21"/>
      <c r="C23" s="46" t="s">
        <v>23</v>
      </c>
      <c r="D23" s="47"/>
      <c r="E23" s="47"/>
      <c r="F23" s="47"/>
      <c r="G23" s="47"/>
      <c r="H23" s="47"/>
      <c r="I23" s="47"/>
      <c r="J23" s="47"/>
      <c r="K23" s="47"/>
      <c r="L23" s="47"/>
      <c r="M23" s="3" t="s">
        <v>24</v>
      </c>
      <c r="N23" s="4"/>
      <c r="O23" s="4"/>
      <c r="P23" s="4"/>
      <c r="Q23" s="5"/>
      <c r="R23" s="48"/>
      <c r="S23" s="49"/>
      <c r="T23" s="49"/>
      <c r="U23" s="49"/>
      <c r="V23" s="49"/>
      <c r="W23" s="49"/>
      <c r="X23" s="49"/>
      <c r="Y23" s="49"/>
      <c r="Z23" s="49"/>
      <c r="AA23" s="50"/>
      <c r="AB23" s="43" t="s">
        <v>25</v>
      </c>
      <c r="AC23" s="43"/>
      <c r="AD23" s="43"/>
      <c r="AE23" s="43"/>
      <c r="AF23" s="44"/>
      <c r="AG23" s="48"/>
      <c r="AH23" s="49"/>
      <c r="AI23" s="49"/>
      <c r="AJ23" s="49"/>
      <c r="AK23" s="50"/>
    </row>
    <row r="24" spans="2:37" ht="13.5" customHeight="1" x14ac:dyDescent="0.15">
      <c r="B24" s="21"/>
      <c r="C24" s="15" t="s">
        <v>26</v>
      </c>
      <c r="D24" s="16"/>
      <c r="E24" s="16"/>
      <c r="F24" s="16"/>
      <c r="G24" s="16"/>
      <c r="H24" s="16"/>
      <c r="I24" s="16"/>
      <c r="J24" s="16"/>
      <c r="K24" s="16"/>
      <c r="L24" s="16"/>
      <c r="M24" s="27" t="s">
        <v>11</v>
      </c>
      <c r="N24" s="27"/>
      <c r="O24" s="27"/>
      <c r="P24" s="27"/>
      <c r="Q24" s="27"/>
      <c r="R24" s="27"/>
      <c r="S24" s="27"/>
      <c r="T24" s="28" t="s">
        <v>12</v>
      </c>
      <c r="U24" s="27"/>
      <c r="V24" s="27"/>
      <c r="W24" s="27"/>
      <c r="X24" s="28" t="s">
        <v>13</v>
      </c>
      <c r="Y24" s="27"/>
      <c r="Z24" s="27"/>
      <c r="AA24" s="27"/>
      <c r="AB24" s="27"/>
      <c r="AC24" s="27"/>
      <c r="AD24" s="27"/>
      <c r="AE24" s="27"/>
      <c r="AF24" s="27"/>
      <c r="AG24" s="27"/>
      <c r="AH24" s="27"/>
      <c r="AI24" s="27"/>
      <c r="AJ24" s="27"/>
      <c r="AK24" s="29"/>
    </row>
    <row r="25" spans="2:37" ht="14.25" customHeight="1" x14ac:dyDescent="0.15">
      <c r="B25" s="21"/>
      <c r="C25" s="30"/>
      <c r="D25" s="31"/>
      <c r="E25" s="31"/>
      <c r="F25" s="31"/>
      <c r="G25" s="31"/>
      <c r="H25" s="31"/>
      <c r="I25" s="31"/>
      <c r="J25" s="31"/>
      <c r="K25" s="31"/>
      <c r="L25" s="31"/>
      <c r="M25" s="32" t="s">
        <v>14</v>
      </c>
      <c r="N25" s="32"/>
      <c r="O25" s="32"/>
      <c r="P25" s="32"/>
      <c r="Q25" s="33" t="s">
        <v>15</v>
      </c>
      <c r="R25" s="32"/>
      <c r="S25" s="32"/>
      <c r="T25" s="32"/>
      <c r="U25" s="32"/>
      <c r="V25" s="32" t="s">
        <v>16</v>
      </c>
      <c r="W25" s="32"/>
      <c r="X25" s="32"/>
      <c r="Y25" s="32"/>
      <c r="Z25" s="32"/>
      <c r="AA25" s="32"/>
      <c r="AB25" s="32"/>
      <c r="AC25" s="32"/>
      <c r="AD25" s="32"/>
      <c r="AE25" s="32"/>
      <c r="AF25" s="32"/>
      <c r="AG25" s="32"/>
      <c r="AH25" s="32"/>
      <c r="AI25" s="32"/>
      <c r="AJ25" s="32"/>
      <c r="AK25" s="34"/>
    </row>
    <row r="26" spans="2:37" x14ac:dyDescent="0.15">
      <c r="B26" s="51"/>
      <c r="C26" s="22"/>
      <c r="D26" s="23"/>
      <c r="E26" s="23"/>
      <c r="F26" s="23"/>
      <c r="G26" s="23"/>
      <c r="H26" s="23"/>
      <c r="I26" s="23"/>
      <c r="J26" s="23"/>
      <c r="K26" s="23"/>
      <c r="L26" s="23"/>
      <c r="M26" s="35"/>
      <c r="N26" s="35"/>
      <c r="O26" s="35"/>
      <c r="P26" s="35"/>
      <c r="Q26" s="35"/>
      <c r="R26" s="35"/>
      <c r="S26" s="35"/>
      <c r="T26" s="35"/>
      <c r="U26" s="35"/>
      <c r="V26" s="35"/>
      <c r="W26" s="35"/>
      <c r="X26" s="35"/>
      <c r="Y26" s="35"/>
      <c r="Z26" s="35"/>
      <c r="AA26" s="35"/>
      <c r="AB26" s="35"/>
      <c r="AC26" s="35"/>
      <c r="AD26" s="35"/>
      <c r="AE26" s="35"/>
      <c r="AF26" s="35"/>
      <c r="AG26" s="35"/>
      <c r="AH26" s="35"/>
      <c r="AI26" s="35"/>
      <c r="AJ26" s="35"/>
      <c r="AK26" s="36"/>
    </row>
    <row r="27" spans="2:37" ht="13.5" customHeight="1" x14ac:dyDescent="0.15">
      <c r="B27" s="52" t="s">
        <v>27</v>
      </c>
      <c r="C27" s="15" t="s">
        <v>28</v>
      </c>
      <c r="D27" s="16"/>
      <c r="E27" s="16"/>
      <c r="F27" s="16"/>
      <c r="G27" s="16"/>
      <c r="H27" s="16"/>
      <c r="I27" s="16"/>
      <c r="J27" s="16"/>
      <c r="K27" s="16"/>
      <c r="L27" s="16"/>
      <c r="M27" s="18"/>
      <c r="N27" s="19"/>
      <c r="O27" s="19"/>
      <c r="P27" s="19"/>
      <c r="Q27" s="19"/>
      <c r="R27" s="19"/>
      <c r="S27" s="19"/>
      <c r="T27" s="19"/>
      <c r="U27" s="19"/>
      <c r="V27" s="19"/>
      <c r="W27" s="19"/>
      <c r="X27" s="19"/>
      <c r="Y27" s="19"/>
      <c r="Z27" s="19"/>
      <c r="AA27" s="19"/>
      <c r="AB27" s="19"/>
      <c r="AC27" s="19"/>
      <c r="AD27" s="19"/>
      <c r="AE27" s="19"/>
      <c r="AF27" s="19"/>
      <c r="AG27" s="19"/>
      <c r="AH27" s="19"/>
      <c r="AI27" s="19"/>
      <c r="AJ27" s="19"/>
      <c r="AK27" s="20"/>
    </row>
    <row r="28" spans="2:37" ht="13.5" customHeight="1" x14ac:dyDescent="0.15">
      <c r="B28" s="53"/>
      <c r="C28" s="22" t="s">
        <v>29</v>
      </c>
      <c r="D28" s="23"/>
      <c r="E28" s="23"/>
      <c r="F28" s="23"/>
      <c r="G28" s="23"/>
      <c r="H28" s="23"/>
      <c r="I28" s="23"/>
      <c r="J28" s="23"/>
      <c r="K28" s="23"/>
      <c r="L28" s="23"/>
      <c r="M28" s="24"/>
      <c r="N28" s="25"/>
      <c r="O28" s="25"/>
      <c r="P28" s="25"/>
      <c r="Q28" s="25"/>
      <c r="R28" s="25"/>
      <c r="S28" s="25"/>
      <c r="T28" s="25"/>
      <c r="U28" s="25"/>
      <c r="V28" s="25"/>
      <c r="W28" s="25"/>
      <c r="X28" s="25"/>
      <c r="Y28" s="25"/>
      <c r="Z28" s="25"/>
      <c r="AA28" s="25"/>
      <c r="AB28" s="25"/>
      <c r="AC28" s="25"/>
      <c r="AD28" s="25"/>
      <c r="AE28" s="25"/>
      <c r="AF28" s="25"/>
      <c r="AG28" s="25"/>
      <c r="AH28" s="25"/>
      <c r="AI28" s="25"/>
      <c r="AJ28" s="25"/>
      <c r="AK28" s="26"/>
    </row>
    <row r="29" spans="2:37" ht="13.5" customHeight="1" x14ac:dyDescent="0.15">
      <c r="B29" s="53"/>
      <c r="C29" s="15" t="s">
        <v>30</v>
      </c>
      <c r="D29" s="16"/>
      <c r="E29" s="16"/>
      <c r="F29" s="16"/>
      <c r="G29" s="16"/>
      <c r="H29" s="16"/>
      <c r="I29" s="16"/>
      <c r="J29" s="16"/>
      <c r="K29" s="16"/>
      <c r="L29" s="16"/>
      <c r="M29" s="27" t="s">
        <v>11</v>
      </c>
      <c r="N29" s="27"/>
      <c r="O29" s="27"/>
      <c r="P29" s="27"/>
      <c r="Q29" s="27"/>
      <c r="R29" s="27"/>
      <c r="S29" s="27"/>
      <c r="T29" s="28" t="s">
        <v>12</v>
      </c>
      <c r="U29" s="27"/>
      <c r="V29" s="27"/>
      <c r="W29" s="27"/>
      <c r="X29" s="28" t="s">
        <v>13</v>
      </c>
      <c r="Y29" s="27"/>
      <c r="Z29" s="27"/>
      <c r="AA29" s="27"/>
      <c r="AB29" s="27"/>
      <c r="AC29" s="27"/>
      <c r="AD29" s="27"/>
      <c r="AE29" s="27"/>
      <c r="AF29" s="27"/>
      <c r="AG29" s="27"/>
      <c r="AH29" s="27"/>
      <c r="AI29" s="27"/>
      <c r="AJ29" s="27"/>
      <c r="AK29" s="29"/>
    </row>
    <row r="30" spans="2:37" ht="14.25" customHeight="1" x14ac:dyDescent="0.15">
      <c r="B30" s="53"/>
      <c r="C30" s="30"/>
      <c r="D30" s="31"/>
      <c r="E30" s="31"/>
      <c r="F30" s="31"/>
      <c r="G30" s="31"/>
      <c r="H30" s="31"/>
      <c r="I30" s="31"/>
      <c r="J30" s="31"/>
      <c r="K30" s="31"/>
      <c r="L30" s="31"/>
      <c r="M30" s="32" t="s">
        <v>14</v>
      </c>
      <c r="N30" s="32"/>
      <c r="O30" s="32"/>
      <c r="P30" s="32"/>
      <c r="Q30" s="33" t="s">
        <v>15</v>
      </c>
      <c r="R30" s="32"/>
      <c r="S30" s="32"/>
      <c r="T30" s="32"/>
      <c r="U30" s="32"/>
      <c r="V30" s="32" t="s">
        <v>16</v>
      </c>
      <c r="W30" s="32"/>
      <c r="X30" s="32"/>
      <c r="Y30" s="32"/>
      <c r="Z30" s="32"/>
      <c r="AA30" s="32"/>
      <c r="AB30" s="32"/>
      <c r="AC30" s="32"/>
      <c r="AD30" s="32"/>
      <c r="AE30" s="32"/>
      <c r="AF30" s="32"/>
      <c r="AG30" s="32"/>
      <c r="AH30" s="32"/>
      <c r="AI30" s="32"/>
      <c r="AJ30" s="32"/>
      <c r="AK30" s="34"/>
    </row>
    <row r="31" spans="2:37" x14ac:dyDescent="0.15">
      <c r="B31" s="53"/>
      <c r="C31" s="22"/>
      <c r="D31" s="23"/>
      <c r="E31" s="23"/>
      <c r="F31" s="23"/>
      <c r="G31" s="23"/>
      <c r="H31" s="23"/>
      <c r="I31" s="23"/>
      <c r="J31" s="23"/>
      <c r="K31" s="23"/>
      <c r="L31" s="23"/>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6"/>
    </row>
    <row r="32" spans="2:37" ht="14.25" customHeight="1" x14ac:dyDescent="0.15">
      <c r="B32" s="53"/>
      <c r="C32" s="37" t="s">
        <v>18</v>
      </c>
      <c r="D32" s="38"/>
      <c r="E32" s="38"/>
      <c r="F32" s="38"/>
      <c r="G32" s="38"/>
      <c r="H32" s="38"/>
      <c r="I32" s="38"/>
      <c r="J32" s="38"/>
      <c r="K32" s="38"/>
      <c r="L32" s="38"/>
      <c r="M32" s="3" t="s">
        <v>19</v>
      </c>
      <c r="N32" s="4"/>
      <c r="O32" s="4"/>
      <c r="P32" s="4"/>
      <c r="Q32" s="5"/>
      <c r="R32" s="6"/>
      <c r="S32" s="7"/>
      <c r="T32" s="7"/>
      <c r="U32" s="7"/>
      <c r="V32" s="7"/>
      <c r="W32" s="7"/>
      <c r="X32" s="7"/>
      <c r="Y32" s="7"/>
      <c r="Z32" s="7"/>
      <c r="AA32" s="8"/>
      <c r="AB32" s="39" t="s">
        <v>20</v>
      </c>
      <c r="AC32" s="27"/>
      <c r="AD32" s="27"/>
      <c r="AE32" s="27"/>
      <c r="AF32" s="29"/>
      <c r="AG32" s="6"/>
      <c r="AH32" s="7"/>
      <c r="AI32" s="7"/>
      <c r="AJ32" s="7"/>
      <c r="AK32" s="8"/>
    </row>
    <row r="33" spans="1:37" ht="13.5" customHeight="1" x14ac:dyDescent="0.15">
      <c r="B33" s="53"/>
      <c r="C33" s="54" t="s">
        <v>31</v>
      </c>
      <c r="D33" s="55"/>
      <c r="E33" s="55"/>
      <c r="F33" s="55"/>
      <c r="G33" s="55"/>
      <c r="H33" s="55"/>
      <c r="I33" s="55"/>
      <c r="J33" s="55"/>
      <c r="K33" s="55"/>
      <c r="L33" s="55"/>
      <c r="M33" s="27" t="s">
        <v>11</v>
      </c>
      <c r="N33" s="27"/>
      <c r="O33" s="27"/>
      <c r="P33" s="27"/>
      <c r="Q33" s="27"/>
      <c r="R33" s="27"/>
      <c r="S33" s="27"/>
      <c r="T33" s="28" t="s">
        <v>12</v>
      </c>
      <c r="U33" s="27"/>
      <c r="V33" s="27"/>
      <c r="W33" s="27"/>
      <c r="X33" s="28" t="s">
        <v>13</v>
      </c>
      <c r="Y33" s="27"/>
      <c r="Z33" s="27"/>
      <c r="AA33" s="27"/>
      <c r="AB33" s="27"/>
      <c r="AC33" s="27"/>
      <c r="AD33" s="27"/>
      <c r="AE33" s="27"/>
      <c r="AF33" s="27"/>
      <c r="AG33" s="27"/>
      <c r="AH33" s="27"/>
      <c r="AI33" s="27"/>
      <c r="AJ33" s="27"/>
      <c r="AK33" s="29"/>
    </row>
    <row r="34" spans="1:37" ht="14.25" customHeight="1" x14ac:dyDescent="0.15">
      <c r="B34" s="53"/>
      <c r="C34" s="56"/>
      <c r="D34" s="57"/>
      <c r="E34" s="57"/>
      <c r="F34" s="57"/>
      <c r="G34" s="57"/>
      <c r="H34" s="57"/>
      <c r="I34" s="57"/>
      <c r="J34" s="57"/>
      <c r="K34" s="57"/>
      <c r="L34" s="57"/>
      <c r="M34" s="32" t="s">
        <v>14</v>
      </c>
      <c r="N34" s="32"/>
      <c r="O34" s="32"/>
      <c r="P34" s="32"/>
      <c r="Q34" s="33" t="s">
        <v>15</v>
      </c>
      <c r="R34" s="32"/>
      <c r="S34" s="32"/>
      <c r="T34" s="32"/>
      <c r="U34" s="32"/>
      <c r="V34" s="32" t="s">
        <v>16</v>
      </c>
      <c r="W34" s="32"/>
      <c r="X34" s="32"/>
      <c r="Y34" s="32"/>
      <c r="Z34" s="32"/>
      <c r="AA34" s="32"/>
      <c r="AB34" s="32"/>
      <c r="AC34" s="32"/>
      <c r="AD34" s="32"/>
      <c r="AE34" s="32"/>
      <c r="AF34" s="32"/>
      <c r="AG34" s="32"/>
      <c r="AH34" s="32"/>
      <c r="AI34" s="32"/>
      <c r="AJ34" s="32"/>
      <c r="AK34" s="34"/>
    </row>
    <row r="35" spans="1:37" x14ac:dyDescent="0.15">
      <c r="B35" s="53"/>
      <c r="C35" s="58"/>
      <c r="D35" s="59"/>
      <c r="E35" s="59"/>
      <c r="F35" s="59"/>
      <c r="G35" s="59"/>
      <c r="H35" s="59"/>
      <c r="I35" s="59"/>
      <c r="J35" s="59"/>
      <c r="K35" s="59"/>
      <c r="L35" s="59"/>
      <c r="M35" s="35"/>
      <c r="N35" s="35"/>
      <c r="O35" s="35"/>
      <c r="P35" s="35"/>
      <c r="Q35" s="35"/>
      <c r="R35" s="35"/>
      <c r="S35" s="35"/>
      <c r="T35" s="35"/>
      <c r="U35" s="35"/>
      <c r="V35" s="35"/>
      <c r="W35" s="35"/>
      <c r="X35" s="35"/>
      <c r="Y35" s="35"/>
      <c r="Z35" s="35"/>
      <c r="AA35" s="35"/>
      <c r="AB35" s="35"/>
      <c r="AC35" s="35"/>
      <c r="AD35" s="35"/>
      <c r="AE35" s="35"/>
      <c r="AF35" s="35"/>
      <c r="AG35" s="35"/>
      <c r="AH35" s="35"/>
      <c r="AI35" s="35"/>
      <c r="AJ35" s="35"/>
      <c r="AK35" s="36"/>
    </row>
    <row r="36" spans="1:37" ht="14.25" customHeight="1" x14ac:dyDescent="0.15">
      <c r="B36" s="53"/>
      <c r="C36" s="37" t="s">
        <v>18</v>
      </c>
      <c r="D36" s="38"/>
      <c r="E36" s="38"/>
      <c r="F36" s="38"/>
      <c r="G36" s="38"/>
      <c r="H36" s="38"/>
      <c r="I36" s="38"/>
      <c r="J36" s="38"/>
      <c r="K36" s="38"/>
      <c r="L36" s="38"/>
      <c r="M36" s="3" t="s">
        <v>19</v>
      </c>
      <c r="N36" s="4"/>
      <c r="O36" s="4"/>
      <c r="P36" s="4"/>
      <c r="Q36" s="5"/>
      <c r="R36" s="6"/>
      <c r="S36" s="7"/>
      <c r="T36" s="7"/>
      <c r="U36" s="7"/>
      <c r="V36" s="7"/>
      <c r="W36" s="7"/>
      <c r="X36" s="7"/>
      <c r="Y36" s="7"/>
      <c r="Z36" s="7"/>
      <c r="AA36" s="8"/>
      <c r="AB36" s="39" t="s">
        <v>20</v>
      </c>
      <c r="AC36" s="27"/>
      <c r="AD36" s="27"/>
      <c r="AE36" s="27"/>
      <c r="AF36" s="29"/>
      <c r="AG36" s="6"/>
      <c r="AH36" s="7"/>
      <c r="AI36" s="7"/>
      <c r="AJ36" s="7"/>
      <c r="AK36" s="8"/>
    </row>
    <row r="37" spans="1:37" ht="14.25" customHeight="1" x14ac:dyDescent="0.15">
      <c r="B37" s="53"/>
      <c r="C37" s="37" t="s">
        <v>32</v>
      </c>
      <c r="D37" s="38"/>
      <c r="E37" s="38"/>
      <c r="F37" s="38"/>
      <c r="G37" s="38"/>
      <c r="H37" s="38"/>
      <c r="I37" s="38"/>
      <c r="J37" s="38"/>
      <c r="K37" s="38"/>
      <c r="L37" s="38"/>
      <c r="M37" s="46"/>
      <c r="N37" s="47"/>
      <c r="O37" s="47"/>
      <c r="P37" s="47"/>
      <c r="Q37" s="47"/>
      <c r="R37" s="47"/>
      <c r="S37" s="47"/>
      <c r="T37" s="47"/>
      <c r="U37" s="47"/>
      <c r="V37" s="47"/>
      <c r="W37" s="47"/>
      <c r="X37" s="47"/>
      <c r="Y37" s="47"/>
      <c r="Z37" s="47"/>
      <c r="AA37" s="47"/>
      <c r="AB37" s="47"/>
      <c r="AC37" s="47"/>
      <c r="AD37" s="47"/>
      <c r="AE37" s="47"/>
      <c r="AF37" s="47"/>
      <c r="AG37" s="47"/>
      <c r="AH37" s="47"/>
      <c r="AI37" s="47"/>
      <c r="AJ37" s="47"/>
      <c r="AK37" s="60"/>
    </row>
    <row r="38" spans="1:37" ht="13.5" customHeight="1" x14ac:dyDescent="0.15">
      <c r="B38" s="53"/>
      <c r="C38" s="15" t="s">
        <v>33</v>
      </c>
      <c r="D38" s="16"/>
      <c r="E38" s="16"/>
      <c r="F38" s="16"/>
      <c r="G38" s="16"/>
      <c r="H38" s="16"/>
      <c r="I38" s="16"/>
      <c r="J38" s="16"/>
      <c r="K38" s="16"/>
      <c r="L38" s="16"/>
      <c r="M38" s="27" t="s">
        <v>11</v>
      </c>
      <c r="N38" s="27"/>
      <c r="O38" s="27"/>
      <c r="P38" s="27"/>
      <c r="Q38" s="27"/>
      <c r="R38" s="27"/>
      <c r="S38" s="27"/>
      <c r="T38" s="28" t="s">
        <v>12</v>
      </c>
      <c r="U38" s="27"/>
      <c r="V38" s="27"/>
      <c r="W38" s="27"/>
      <c r="X38" s="28" t="s">
        <v>13</v>
      </c>
      <c r="Y38" s="27"/>
      <c r="Z38" s="27"/>
      <c r="AA38" s="27"/>
      <c r="AB38" s="27"/>
      <c r="AC38" s="27"/>
      <c r="AD38" s="27"/>
      <c r="AE38" s="27"/>
      <c r="AF38" s="27"/>
      <c r="AG38" s="27"/>
      <c r="AH38" s="27"/>
      <c r="AI38" s="27"/>
      <c r="AJ38" s="27"/>
      <c r="AK38" s="29"/>
    </row>
    <row r="39" spans="1:37" ht="14.25" customHeight="1" x14ac:dyDescent="0.15">
      <c r="B39" s="53"/>
      <c r="C39" s="30"/>
      <c r="D39" s="31"/>
      <c r="E39" s="31"/>
      <c r="F39" s="31"/>
      <c r="G39" s="31"/>
      <c r="H39" s="31"/>
      <c r="I39" s="31"/>
      <c r="J39" s="31"/>
      <c r="K39" s="31"/>
      <c r="L39" s="31"/>
      <c r="M39" s="32" t="s">
        <v>14</v>
      </c>
      <c r="N39" s="32"/>
      <c r="O39" s="32"/>
      <c r="P39" s="32"/>
      <c r="Q39" s="33" t="s">
        <v>15</v>
      </c>
      <c r="R39" s="32"/>
      <c r="S39" s="32"/>
      <c r="T39" s="32"/>
      <c r="U39" s="32"/>
      <c r="V39" s="32" t="s">
        <v>16</v>
      </c>
      <c r="W39" s="32"/>
      <c r="X39" s="32"/>
      <c r="Y39" s="32"/>
      <c r="Z39" s="32"/>
      <c r="AA39" s="32"/>
      <c r="AB39" s="32"/>
      <c r="AC39" s="32"/>
      <c r="AD39" s="32"/>
      <c r="AE39" s="32"/>
      <c r="AF39" s="32"/>
      <c r="AG39" s="32"/>
      <c r="AH39" s="32"/>
      <c r="AI39" s="32"/>
      <c r="AJ39" s="32"/>
      <c r="AK39" s="34"/>
    </row>
    <row r="40" spans="1:37" x14ac:dyDescent="0.15">
      <c r="B40" s="61"/>
      <c r="C40" s="22"/>
      <c r="D40" s="23"/>
      <c r="E40" s="23"/>
      <c r="F40" s="23"/>
      <c r="G40" s="23"/>
      <c r="H40" s="23"/>
      <c r="I40" s="23"/>
      <c r="J40" s="23"/>
      <c r="K40" s="23"/>
      <c r="L40" s="23"/>
      <c r="M40" s="35"/>
      <c r="N40" s="35"/>
      <c r="O40" s="35"/>
      <c r="P40" s="35"/>
      <c r="Q40" s="35"/>
      <c r="R40" s="35"/>
      <c r="S40" s="35"/>
      <c r="T40" s="35"/>
      <c r="U40" s="35"/>
      <c r="V40" s="35"/>
      <c r="W40" s="35"/>
      <c r="X40" s="35"/>
      <c r="Y40" s="35"/>
      <c r="Z40" s="35"/>
      <c r="AA40" s="35"/>
      <c r="AB40" s="35"/>
      <c r="AC40" s="35"/>
      <c r="AD40" s="35"/>
      <c r="AE40" s="35"/>
      <c r="AF40" s="35"/>
      <c r="AG40" s="35"/>
      <c r="AH40" s="35"/>
      <c r="AI40" s="35"/>
      <c r="AJ40" s="35"/>
      <c r="AK40" s="36"/>
    </row>
    <row r="41" spans="1:37" ht="13.5" customHeight="1" x14ac:dyDescent="0.15">
      <c r="B41" s="62" t="s">
        <v>34</v>
      </c>
      <c r="C41" s="63" t="s">
        <v>35</v>
      </c>
      <c r="D41" s="64"/>
      <c r="E41" s="64"/>
      <c r="F41" s="64"/>
      <c r="G41" s="64"/>
      <c r="H41" s="64"/>
      <c r="I41" s="64"/>
      <c r="J41" s="64"/>
      <c r="K41" s="64"/>
      <c r="L41" s="64"/>
      <c r="M41" s="65" t="s">
        <v>36</v>
      </c>
      <c r="N41" s="44"/>
      <c r="O41" s="66" t="s">
        <v>37</v>
      </c>
      <c r="P41" s="67"/>
      <c r="Q41" s="68"/>
      <c r="R41" s="6" t="s">
        <v>38</v>
      </c>
      <c r="S41" s="7"/>
      <c r="T41" s="7"/>
      <c r="U41" s="7"/>
      <c r="V41" s="7"/>
      <c r="W41" s="7"/>
      <c r="X41" s="7"/>
      <c r="Y41" s="7"/>
      <c r="Z41" s="8"/>
      <c r="AA41" s="69" t="s">
        <v>39</v>
      </c>
      <c r="AB41" s="70"/>
      <c r="AC41" s="70"/>
      <c r="AD41" s="71"/>
      <c r="AE41" s="48" t="s">
        <v>40</v>
      </c>
      <c r="AF41" s="49"/>
      <c r="AG41" s="72"/>
      <c r="AH41" s="72"/>
      <c r="AI41" s="73" t="s">
        <v>41</v>
      </c>
      <c r="AJ41" s="74"/>
      <c r="AK41" s="75"/>
    </row>
    <row r="42" spans="1:37" ht="14.25" customHeight="1" x14ac:dyDescent="0.15">
      <c r="A42" s="76"/>
      <c r="B42" s="53"/>
      <c r="C42" s="77"/>
      <c r="D42" s="78"/>
      <c r="E42" s="78"/>
      <c r="F42" s="78"/>
      <c r="G42" s="78"/>
      <c r="H42" s="78"/>
      <c r="I42" s="78"/>
      <c r="J42" s="78"/>
      <c r="K42" s="78"/>
      <c r="L42" s="78"/>
      <c r="M42" s="79"/>
      <c r="N42" s="80"/>
      <c r="O42" s="81" t="s">
        <v>42</v>
      </c>
      <c r="P42" s="82"/>
      <c r="Q42" s="83"/>
      <c r="R42" s="84"/>
      <c r="S42" s="85"/>
      <c r="T42" s="85"/>
      <c r="U42" s="85"/>
      <c r="V42" s="85"/>
      <c r="W42" s="85"/>
      <c r="X42" s="85"/>
      <c r="Y42" s="85"/>
      <c r="Z42" s="86"/>
      <c r="AA42" s="87" t="s">
        <v>43</v>
      </c>
      <c r="AB42" s="88"/>
      <c r="AC42" s="88"/>
      <c r="AD42" s="88"/>
      <c r="AE42" s="89" t="s">
        <v>44</v>
      </c>
      <c r="AF42" s="90"/>
      <c r="AG42" s="90"/>
      <c r="AH42" s="90"/>
      <c r="AI42" s="89" t="s">
        <v>45</v>
      </c>
      <c r="AJ42" s="90"/>
      <c r="AK42" s="91"/>
    </row>
    <row r="43" spans="1:37" ht="14.25" customHeight="1" x14ac:dyDescent="0.15">
      <c r="B43" s="53"/>
      <c r="C43" s="21" t="s">
        <v>46</v>
      </c>
      <c r="D43" s="92"/>
      <c r="E43" s="93" t="s">
        <v>47</v>
      </c>
      <c r="F43" s="93"/>
      <c r="G43" s="93"/>
      <c r="H43" s="93"/>
      <c r="I43" s="93"/>
      <c r="J43" s="93"/>
      <c r="K43" s="93"/>
      <c r="L43" s="93"/>
      <c r="M43" s="65"/>
      <c r="N43" s="94"/>
      <c r="O43" s="95"/>
      <c r="P43" s="96"/>
      <c r="Q43" s="97"/>
      <c r="R43" s="98" t="s">
        <v>48</v>
      </c>
      <c r="S43" s="99" t="s">
        <v>49</v>
      </c>
      <c r="T43" s="99"/>
      <c r="U43" s="100" t="s">
        <v>48</v>
      </c>
      <c r="V43" s="99" t="s">
        <v>50</v>
      </c>
      <c r="W43" s="99"/>
      <c r="X43" s="100" t="s">
        <v>48</v>
      </c>
      <c r="Y43" s="99" t="s">
        <v>51</v>
      </c>
      <c r="Z43" s="101"/>
      <c r="AA43" s="102"/>
      <c r="AB43" s="103"/>
      <c r="AC43" s="103"/>
      <c r="AD43" s="104"/>
      <c r="AE43" s="102"/>
      <c r="AF43" s="103"/>
      <c r="AG43" s="103"/>
      <c r="AH43" s="104"/>
      <c r="AI43" s="98" t="s">
        <v>48</v>
      </c>
      <c r="AJ43" s="99" t="s">
        <v>52</v>
      </c>
      <c r="AK43" s="101"/>
    </row>
    <row r="44" spans="1:37" ht="14.25" customHeight="1" x14ac:dyDescent="0.15">
      <c r="B44" s="53"/>
      <c r="C44" s="21"/>
      <c r="D44" s="92"/>
      <c r="E44" s="93" t="s">
        <v>53</v>
      </c>
      <c r="F44" s="105"/>
      <c r="G44" s="105"/>
      <c r="H44" s="105"/>
      <c r="I44" s="105"/>
      <c r="J44" s="105"/>
      <c r="K44" s="105"/>
      <c r="L44" s="105"/>
      <c r="M44" s="65"/>
      <c r="N44" s="94"/>
      <c r="O44" s="95"/>
      <c r="P44" s="96"/>
      <c r="Q44" s="97"/>
      <c r="R44" s="98" t="s">
        <v>48</v>
      </c>
      <c r="S44" s="99" t="s">
        <v>49</v>
      </c>
      <c r="T44" s="99"/>
      <c r="U44" s="100" t="s">
        <v>48</v>
      </c>
      <c r="V44" s="99" t="s">
        <v>50</v>
      </c>
      <c r="W44" s="99"/>
      <c r="X44" s="100" t="s">
        <v>48</v>
      </c>
      <c r="Y44" s="99" t="s">
        <v>51</v>
      </c>
      <c r="Z44" s="101"/>
      <c r="AA44" s="102"/>
      <c r="AB44" s="103"/>
      <c r="AC44" s="103"/>
      <c r="AD44" s="104"/>
      <c r="AE44" s="102"/>
      <c r="AF44" s="103"/>
      <c r="AG44" s="103"/>
      <c r="AH44" s="104"/>
      <c r="AI44" s="98" t="s">
        <v>48</v>
      </c>
      <c r="AJ44" s="99" t="s">
        <v>52</v>
      </c>
      <c r="AK44" s="101"/>
    </row>
    <row r="45" spans="1:37" ht="14.25" customHeight="1" x14ac:dyDescent="0.15">
      <c r="B45" s="53"/>
      <c r="C45" s="21"/>
      <c r="D45" s="92"/>
      <c r="E45" s="93" t="s">
        <v>54</v>
      </c>
      <c r="F45" s="105"/>
      <c r="G45" s="105"/>
      <c r="H45" s="105"/>
      <c r="I45" s="105"/>
      <c r="J45" s="105"/>
      <c r="K45" s="105"/>
      <c r="L45" s="105"/>
      <c r="M45" s="65"/>
      <c r="N45" s="94"/>
      <c r="O45" s="95"/>
      <c r="P45" s="96"/>
      <c r="Q45" s="97"/>
      <c r="R45" s="98" t="s">
        <v>48</v>
      </c>
      <c r="S45" s="99" t="s">
        <v>49</v>
      </c>
      <c r="T45" s="99"/>
      <c r="U45" s="100" t="s">
        <v>48</v>
      </c>
      <c r="V45" s="99" t="s">
        <v>50</v>
      </c>
      <c r="W45" s="99"/>
      <c r="X45" s="100" t="s">
        <v>48</v>
      </c>
      <c r="Y45" s="99" t="s">
        <v>51</v>
      </c>
      <c r="Z45" s="101"/>
      <c r="AA45" s="102"/>
      <c r="AB45" s="103"/>
      <c r="AC45" s="103"/>
      <c r="AD45" s="104"/>
      <c r="AE45" s="102"/>
      <c r="AF45" s="103"/>
      <c r="AG45" s="103"/>
      <c r="AH45" s="104"/>
      <c r="AI45" s="98" t="s">
        <v>48</v>
      </c>
      <c r="AJ45" s="99" t="s">
        <v>52</v>
      </c>
      <c r="AK45" s="101"/>
    </row>
    <row r="46" spans="1:37" ht="14.25" customHeight="1" x14ac:dyDescent="0.15">
      <c r="B46" s="53"/>
      <c r="C46" s="21"/>
      <c r="D46" s="92"/>
      <c r="E46" s="93" t="s">
        <v>55</v>
      </c>
      <c r="F46" s="105"/>
      <c r="G46" s="105"/>
      <c r="H46" s="105"/>
      <c r="I46" s="105"/>
      <c r="J46" s="105"/>
      <c r="K46" s="105"/>
      <c r="L46" s="105"/>
      <c r="M46" s="65"/>
      <c r="N46" s="94"/>
      <c r="O46" s="95"/>
      <c r="P46" s="96"/>
      <c r="Q46" s="97"/>
      <c r="R46" s="98" t="s">
        <v>48</v>
      </c>
      <c r="S46" s="99" t="s">
        <v>49</v>
      </c>
      <c r="T46" s="99"/>
      <c r="U46" s="100" t="s">
        <v>48</v>
      </c>
      <c r="V46" s="99" t="s">
        <v>50</v>
      </c>
      <c r="W46" s="99"/>
      <c r="X46" s="100" t="s">
        <v>48</v>
      </c>
      <c r="Y46" s="99" t="s">
        <v>51</v>
      </c>
      <c r="Z46" s="101"/>
      <c r="AA46" s="102"/>
      <c r="AB46" s="103"/>
      <c r="AC46" s="103"/>
      <c r="AD46" s="104"/>
      <c r="AE46" s="102"/>
      <c r="AF46" s="103"/>
      <c r="AG46" s="103"/>
      <c r="AH46" s="104"/>
      <c r="AI46" s="98" t="s">
        <v>48</v>
      </c>
      <c r="AJ46" s="99" t="s">
        <v>52</v>
      </c>
      <c r="AK46" s="101"/>
    </row>
    <row r="47" spans="1:37" ht="14.25" customHeight="1" x14ac:dyDescent="0.15">
      <c r="B47" s="53"/>
      <c r="C47" s="21"/>
      <c r="D47" s="92"/>
      <c r="E47" s="93" t="s">
        <v>56</v>
      </c>
      <c r="F47" s="105"/>
      <c r="G47" s="105"/>
      <c r="H47" s="105"/>
      <c r="I47" s="105"/>
      <c r="J47" s="105"/>
      <c r="K47" s="105"/>
      <c r="L47" s="105"/>
      <c r="M47" s="65"/>
      <c r="N47" s="94"/>
      <c r="O47" s="95"/>
      <c r="P47" s="96"/>
      <c r="Q47" s="97"/>
      <c r="R47" s="98" t="s">
        <v>48</v>
      </c>
      <c r="S47" s="99" t="s">
        <v>49</v>
      </c>
      <c r="T47" s="99"/>
      <c r="U47" s="100" t="s">
        <v>48</v>
      </c>
      <c r="V47" s="99" t="s">
        <v>50</v>
      </c>
      <c r="W47" s="99"/>
      <c r="X47" s="100" t="s">
        <v>48</v>
      </c>
      <c r="Y47" s="99" t="s">
        <v>51</v>
      </c>
      <c r="Z47" s="101"/>
      <c r="AA47" s="102"/>
      <c r="AB47" s="103"/>
      <c r="AC47" s="103"/>
      <c r="AD47" s="104"/>
      <c r="AE47" s="102"/>
      <c r="AF47" s="103"/>
      <c r="AG47" s="103"/>
      <c r="AH47" s="104"/>
      <c r="AI47" s="98" t="s">
        <v>48</v>
      </c>
      <c r="AJ47" s="99" t="s">
        <v>52</v>
      </c>
      <c r="AK47" s="101"/>
    </row>
    <row r="48" spans="1:37" ht="14.25" customHeight="1" x14ac:dyDescent="0.15">
      <c r="B48" s="53"/>
      <c r="C48" s="21"/>
      <c r="D48" s="92"/>
      <c r="E48" s="106" t="s">
        <v>57</v>
      </c>
      <c r="F48" s="107"/>
      <c r="G48" s="107"/>
      <c r="H48" s="107"/>
      <c r="I48" s="107"/>
      <c r="J48" s="107"/>
      <c r="K48" s="107"/>
      <c r="L48" s="107"/>
      <c r="M48" s="65"/>
      <c r="N48" s="94"/>
      <c r="O48" s="95"/>
      <c r="P48" s="96"/>
      <c r="Q48" s="97"/>
      <c r="R48" s="98" t="s">
        <v>48</v>
      </c>
      <c r="S48" s="99" t="s">
        <v>49</v>
      </c>
      <c r="T48" s="99"/>
      <c r="U48" s="100" t="s">
        <v>48</v>
      </c>
      <c r="V48" s="99" t="s">
        <v>50</v>
      </c>
      <c r="W48" s="99"/>
      <c r="X48" s="100" t="s">
        <v>48</v>
      </c>
      <c r="Y48" s="99" t="s">
        <v>51</v>
      </c>
      <c r="Z48" s="101"/>
      <c r="AA48" s="102"/>
      <c r="AB48" s="103"/>
      <c r="AC48" s="103"/>
      <c r="AD48" s="104"/>
      <c r="AE48" s="102"/>
      <c r="AF48" s="103"/>
      <c r="AG48" s="103"/>
      <c r="AH48" s="104"/>
      <c r="AI48" s="98" t="s">
        <v>48</v>
      </c>
      <c r="AJ48" s="99" t="s">
        <v>52</v>
      </c>
      <c r="AK48" s="101"/>
    </row>
    <row r="49" spans="2:37" ht="14.25" customHeight="1" x14ac:dyDescent="0.15">
      <c r="B49" s="53"/>
      <c r="C49" s="21"/>
      <c r="D49" s="92"/>
      <c r="E49" s="108" t="s">
        <v>58</v>
      </c>
      <c r="F49" s="109"/>
      <c r="G49" s="109"/>
      <c r="H49" s="109"/>
      <c r="I49" s="109"/>
      <c r="J49" s="109"/>
      <c r="K49" s="109"/>
      <c r="L49" s="109"/>
      <c r="M49" s="65"/>
      <c r="N49" s="94"/>
      <c r="O49" s="95"/>
      <c r="P49" s="96"/>
      <c r="Q49" s="97"/>
      <c r="R49" s="98" t="s">
        <v>48</v>
      </c>
      <c r="S49" s="99" t="s">
        <v>49</v>
      </c>
      <c r="T49" s="99"/>
      <c r="U49" s="100" t="s">
        <v>48</v>
      </c>
      <c r="V49" s="99" t="s">
        <v>50</v>
      </c>
      <c r="W49" s="99"/>
      <c r="X49" s="100" t="s">
        <v>48</v>
      </c>
      <c r="Y49" s="99" t="s">
        <v>51</v>
      </c>
      <c r="Z49" s="101"/>
      <c r="AA49" s="102"/>
      <c r="AB49" s="103"/>
      <c r="AC49" s="103"/>
      <c r="AD49" s="104"/>
      <c r="AE49" s="102"/>
      <c r="AF49" s="103"/>
      <c r="AG49" s="103"/>
      <c r="AH49" s="104"/>
      <c r="AI49" s="98" t="s">
        <v>48</v>
      </c>
      <c r="AJ49" s="99" t="s">
        <v>52</v>
      </c>
      <c r="AK49" s="101"/>
    </row>
    <row r="50" spans="2:37" ht="14.25" customHeight="1" x14ac:dyDescent="0.15">
      <c r="B50" s="53"/>
      <c r="C50" s="21"/>
      <c r="D50" s="110"/>
      <c r="E50" s="108" t="s">
        <v>59</v>
      </c>
      <c r="F50" s="111"/>
      <c r="G50" s="111"/>
      <c r="H50" s="111"/>
      <c r="I50" s="111"/>
      <c r="J50" s="111"/>
      <c r="K50" s="111"/>
      <c r="L50" s="111"/>
      <c r="M50" s="65"/>
      <c r="N50" s="94"/>
      <c r="O50" s="95"/>
      <c r="P50" s="96"/>
      <c r="Q50" s="97"/>
      <c r="R50" s="98" t="s">
        <v>48</v>
      </c>
      <c r="S50" s="99" t="s">
        <v>49</v>
      </c>
      <c r="T50" s="99"/>
      <c r="U50" s="100" t="s">
        <v>48</v>
      </c>
      <c r="V50" s="99" t="s">
        <v>50</v>
      </c>
      <c r="W50" s="99"/>
      <c r="X50" s="100" t="s">
        <v>48</v>
      </c>
      <c r="Y50" s="99" t="s">
        <v>51</v>
      </c>
      <c r="Z50" s="101"/>
      <c r="AA50" s="102"/>
      <c r="AB50" s="103"/>
      <c r="AC50" s="103"/>
      <c r="AD50" s="104"/>
      <c r="AE50" s="102"/>
      <c r="AF50" s="103"/>
      <c r="AG50" s="103"/>
      <c r="AH50" s="104"/>
      <c r="AI50" s="98" t="s">
        <v>48</v>
      </c>
      <c r="AJ50" s="99" t="s">
        <v>52</v>
      </c>
      <c r="AK50" s="101"/>
    </row>
    <row r="51" spans="2:37" ht="14.25" customHeight="1" x14ac:dyDescent="0.15">
      <c r="B51" s="53"/>
      <c r="C51" s="21"/>
      <c r="D51" s="110"/>
      <c r="E51" s="112" t="s">
        <v>60</v>
      </c>
      <c r="F51" s="113"/>
      <c r="G51" s="113"/>
      <c r="H51" s="113"/>
      <c r="I51" s="113"/>
      <c r="J51" s="113"/>
      <c r="K51" s="113"/>
      <c r="L51" s="113"/>
      <c r="M51" s="65"/>
      <c r="N51" s="94"/>
      <c r="O51" s="95"/>
      <c r="P51" s="96"/>
      <c r="Q51" s="97"/>
      <c r="R51" s="98" t="s">
        <v>48</v>
      </c>
      <c r="S51" s="99" t="s">
        <v>49</v>
      </c>
      <c r="T51" s="99"/>
      <c r="U51" s="100" t="s">
        <v>48</v>
      </c>
      <c r="V51" s="99" t="s">
        <v>50</v>
      </c>
      <c r="W51" s="99"/>
      <c r="X51" s="100" t="s">
        <v>48</v>
      </c>
      <c r="Y51" s="99" t="s">
        <v>51</v>
      </c>
      <c r="Z51" s="101"/>
      <c r="AA51" s="102"/>
      <c r="AB51" s="103"/>
      <c r="AC51" s="103"/>
      <c r="AD51" s="104"/>
      <c r="AE51" s="102"/>
      <c r="AF51" s="103"/>
      <c r="AG51" s="103"/>
      <c r="AH51" s="104"/>
      <c r="AI51" s="98" t="s">
        <v>48</v>
      </c>
      <c r="AJ51" s="99" t="s">
        <v>52</v>
      </c>
      <c r="AK51" s="101"/>
    </row>
    <row r="52" spans="2:37" ht="14.25" customHeight="1" thickBot="1" x14ac:dyDescent="0.2">
      <c r="B52" s="53"/>
      <c r="C52" s="21"/>
      <c r="D52" s="110"/>
      <c r="E52" s="114" t="s">
        <v>61</v>
      </c>
      <c r="F52" s="115"/>
      <c r="G52" s="115"/>
      <c r="H52" s="115"/>
      <c r="I52" s="115"/>
      <c r="J52" s="115"/>
      <c r="K52" s="115"/>
      <c r="L52" s="115"/>
      <c r="M52" s="65"/>
      <c r="N52" s="94"/>
      <c r="O52" s="95"/>
      <c r="P52" s="96"/>
      <c r="Q52" s="97"/>
      <c r="R52" s="98" t="s">
        <v>48</v>
      </c>
      <c r="S52" s="99" t="s">
        <v>49</v>
      </c>
      <c r="T52" s="99"/>
      <c r="U52" s="100" t="s">
        <v>48</v>
      </c>
      <c r="V52" s="99" t="s">
        <v>50</v>
      </c>
      <c r="W52" s="99"/>
      <c r="X52" s="100" t="s">
        <v>48</v>
      </c>
      <c r="Y52" s="99" t="s">
        <v>51</v>
      </c>
      <c r="Z52" s="101"/>
      <c r="AA52" s="102"/>
      <c r="AB52" s="103"/>
      <c r="AC52" s="103"/>
      <c r="AD52" s="104"/>
      <c r="AE52" s="102"/>
      <c r="AF52" s="103"/>
      <c r="AG52" s="103"/>
      <c r="AH52" s="104"/>
      <c r="AI52" s="98" t="s">
        <v>48</v>
      </c>
      <c r="AJ52" s="99" t="s">
        <v>52</v>
      </c>
      <c r="AK52" s="101"/>
    </row>
    <row r="53" spans="2:37" ht="14.25" customHeight="1" thickTop="1" x14ac:dyDescent="0.15">
      <c r="B53" s="53"/>
      <c r="C53" s="21"/>
      <c r="D53" s="116"/>
      <c r="E53" s="117" t="s">
        <v>62</v>
      </c>
      <c r="F53" s="117"/>
      <c r="G53" s="117"/>
      <c r="H53" s="117"/>
      <c r="I53" s="117"/>
      <c r="J53" s="117"/>
      <c r="K53" s="117"/>
      <c r="L53" s="117"/>
      <c r="M53" s="65"/>
      <c r="N53" s="94"/>
      <c r="O53" s="95"/>
      <c r="P53" s="96"/>
      <c r="Q53" s="97"/>
      <c r="R53" s="98" t="s">
        <v>48</v>
      </c>
      <c r="S53" s="99" t="s">
        <v>49</v>
      </c>
      <c r="T53" s="99"/>
      <c r="U53" s="100" t="s">
        <v>48</v>
      </c>
      <c r="V53" s="99" t="s">
        <v>50</v>
      </c>
      <c r="W53" s="99"/>
      <c r="X53" s="100" t="s">
        <v>48</v>
      </c>
      <c r="Y53" s="99" t="s">
        <v>51</v>
      </c>
      <c r="Z53" s="101"/>
      <c r="AA53" s="102"/>
      <c r="AB53" s="103"/>
      <c r="AC53" s="103"/>
      <c r="AD53" s="104"/>
      <c r="AE53" s="102"/>
      <c r="AF53" s="103"/>
      <c r="AG53" s="103"/>
      <c r="AH53" s="104"/>
      <c r="AI53" s="98" t="s">
        <v>48</v>
      </c>
      <c r="AJ53" s="99" t="s">
        <v>52</v>
      </c>
      <c r="AK53" s="101"/>
    </row>
    <row r="54" spans="2:37" ht="14.25" customHeight="1" x14ac:dyDescent="0.15">
      <c r="B54" s="53"/>
      <c r="C54" s="21"/>
      <c r="D54" s="92"/>
      <c r="E54" s="106" t="s">
        <v>63</v>
      </c>
      <c r="F54" s="107"/>
      <c r="G54" s="107"/>
      <c r="H54" s="107"/>
      <c r="I54" s="107"/>
      <c r="J54" s="107"/>
      <c r="K54" s="107"/>
      <c r="L54" s="107"/>
      <c r="M54" s="65"/>
      <c r="N54" s="94"/>
      <c r="O54" s="95"/>
      <c r="P54" s="96"/>
      <c r="Q54" s="97"/>
      <c r="R54" s="98" t="s">
        <v>48</v>
      </c>
      <c r="S54" s="99" t="s">
        <v>49</v>
      </c>
      <c r="T54" s="99"/>
      <c r="U54" s="100" t="s">
        <v>48</v>
      </c>
      <c r="V54" s="99" t="s">
        <v>50</v>
      </c>
      <c r="W54" s="99"/>
      <c r="X54" s="100" t="s">
        <v>48</v>
      </c>
      <c r="Y54" s="99" t="s">
        <v>51</v>
      </c>
      <c r="Z54" s="101"/>
      <c r="AA54" s="102"/>
      <c r="AB54" s="103"/>
      <c r="AC54" s="103"/>
      <c r="AD54" s="104"/>
      <c r="AE54" s="102"/>
      <c r="AF54" s="103"/>
      <c r="AG54" s="103"/>
      <c r="AH54" s="104"/>
      <c r="AI54" s="98" t="s">
        <v>48</v>
      </c>
      <c r="AJ54" s="99" t="s">
        <v>52</v>
      </c>
      <c r="AK54" s="101"/>
    </row>
    <row r="55" spans="2:37" ht="14.25" customHeight="1" x14ac:dyDescent="0.15">
      <c r="B55" s="53"/>
      <c r="C55" s="51"/>
      <c r="D55" s="92"/>
      <c r="E55" s="106" t="s">
        <v>64</v>
      </c>
      <c r="F55" s="107"/>
      <c r="G55" s="107"/>
      <c r="H55" s="107"/>
      <c r="I55" s="107"/>
      <c r="J55" s="107"/>
      <c r="K55" s="107"/>
      <c r="L55" s="107"/>
      <c r="M55" s="65"/>
      <c r="N55" s="94"/>
      <c r="O55" s="95"/>
      <c r="P55" s="96"/>
      <c r="Q55" s="97"/>
      <c r="R55" s="98" t="s">
        <v>48</v>
      </c>
      <c r="S55" s="99" t="s">
        <v>49</v>
      </c>
      <c r="T55" s="99"/>
      <c r="U55" s="100" t="s">
        <v>48</v>
      </c>
      <c r="V55" s="99" t="s">
        <v>50</v>
      </c>
      <c r="W55" s="99"/>
      <c r="X55" s="100" t="s">
        <v>48</v>
      </c>
      <c r="Y55" s="99" t="s">
        <v>51</v>
      </c>
      <c r="Z55" s="101"/>
      <c r="AA55" s="102"/>
      <c r="AB55" s="103"/>
      <c r="AC55" s="103"/>
      <c r="AD55" s="104"/>
      <c r="AE55" s="102"/>
      <c r="AF55" s="103"/>
      <c r="AG55" s="103"/>
      <c r="AH55" s="104"/>
      <c r="AI55" s="98" t="s">
        <v>48</v>
      </c>
      <c r="AJ55" s="99" t="s">
        <v>52</v>
      </c>
      <c r="AK55" s="101"/>
    </row>
    <row r="56" spans="2:37" ht="14.25" customHeight="1" x14ac:dyDescent="0.15">
      <c r="B56" s="118"/>
      <c r="C56" s="46" t="s">
        <v>65</v>
      </c>
      <c r="D56" s="47"/>
      <c r="E56" s="47"/>
      <c r="F56" s="47"/>
      <c r="G56" s="47"/>
      <c r="H56" s="47"/>
      <c r="I56" s="47"/>
      <c r="J56" s="47"/>
      <c r="K56" s="47"/>
      <c r="L56" s="47"/>
      <c r="M56" s="65"/>
      <c r="N56" s="94"/>
      <c r="O56" s="95"/>
      <c r="P56" s="96"/>
      <c r="Q56" s="97"/>
      <c r="R56" s="98" t="s">
        <v>48</v>
      </c>
      <c r="S56" s="99" t="s">
        <v>49</v>
      </c>
      <c r="T56" s="99"/>
      <c r="U56" s="100" t="s">
        <v>48</v>
      </c>
      <c r="V56" s="99" t="s">
        <v>50</v>
      </c>
      <c r="W56" s="99"/>
      <c r="X56" s="100" t="s">
        <v>48</v>
      </c>
      <c r="Y56" s="99" t="s">
        <v>51</v>
      </c>
      <c r="Z56" s="101"/>
      <c r="AA56" s="102"/>
      <c r="AB56" s="103"/>
      <c r="AC56" s="103"/>
      <c r="AD56" s="104"/>
      <c r="AE56" s="102"/>
      <c r="AF56" s="103"/>
      <c r="AG56" s="103"/>
      <c r="AH56" s="104"/>
      <c r="AI56" s="119"/>
      <c r="AJ56" s="120"/>
      <c r="AK56" s="121"/>
    </row>
    <row r="57" spans="2:37" ht="14.25" customHeight="1" x14ac:dyDescent="0.15">
      <c r="B57" s="118"/>
      <c r="C57" s="46" t="s">
        <v>66</v>
      </c>
      <c r="D57" s="47"/>
      <c r="E57" s="47"/>
      <c r="F57" s="47"/>
      <c r="G57" s="47"/>
      <c r="H57" s="47"/>
      <c r="I57" s="47"/>
      <c r="J57" s="47"/>
      <c r="K57" s="47"/>
      <c r="L57" s="47"/>
      <c r="M57" s="65"/>
      <c r="N57" s="94"/>
      <c r="O57" s="95"/>
      <c r="P57" s="96"/>
      <c r="Q57" s="97"/>
      <c r="R57" s="98" t="s">
        <v>48</v>
      </c>
      <c r="S57" s="99" t="s">
        <v>49</v>
      </c>
      <c r="T57" s="99"/>
      <c r="U57" s="100" t="s">
        <v>48</v>
      </c>
      <c r="V57" s="99" t="s">
        <v>50</v>
      </c>
      <c r="W57" s="99"/>
      <c r="X57" s="100" t="s">
        <v>48</v>
      </c>
      <c r="Y57" s="99" t="s">
        <v>51</v>
      </c>
      <c r="Z57" s="101"/>
      <c r="AA57" s="102"/>
      <c r="AB57" s="103"/>
      <c r="AC57" s="103"/>
      <c r="AD57" s="104"/>
      <c r="AE57" s="102"/>
      <c r="AF57" s="103"/>
      <c r="AG57" s="103"/>
      <c r="AH57" s="104"/>
      <c r="AI57" s="119"/>
      <c r="AJ57" s="120"/>
      <c r="AK57" s="121"/>
    </row>
    <row r="58" spans="2:37" ht="14.25" customHeight="1" x14ac:dyDescent="0.15">
      <c r="B58" s="122" t="s">
        <v>67</v>
      </c>
      <c r="C58" s="108"/>
      <c r="D58" s="108"/>
      <c r="E58" s="108"/>
      <c r="F58" s="108"/>
      <c r="G58" s="108"/>
      <c r="H58" s="108"/>
      <c r="I58" s="108"/>
      <c r="J58" s="108"/>
      <c r="K58" s="123"/>
      <c r="L58" s="124"/>
      <c r="M58" s="125"/>
      <c r="N58" s="125"/>
      <c r="O58" s="125"/>
      <c r="P58" s="125"/>
      <c r="Q58" s="125"/>
      <c r="R58" s="126"/>
      <c r="S58" s="126"/>
      <c r="T58" s="126"/>
      <c r="U58" s="127"/>
      <c r="V58" s="128"/>
      <c r="W58" s="2"/>
      <c r="X58" s="2"/>
      <c r="Y58" s="2"/>
      <c r="Z58" s="2"/>
      <c r="AA58" s="2"/>
      <c r="AB58" s="129"/>
      <c r="AC58" s="129"/>
      <c r="AD58" s="129"/>
      <c r="AJ58" s="88"/>
      <c r="AK58" s="130"/>
    </row>
    <row r="59" spans="2:37" ht="14.25" customHeight="1" x14ac:dyDescent="0.15">
      <c r="B59" s="131" t="s">
        <v>68</v>
      </c>
      <c r="C59" s="131"/>
      <c r="D59" s="131"/>
      <c r="E59" s="131"/>
      <c r="F59" s="131"/>
      <c r="G59" s="131"/>
      <c r="H59" s="131"/>
      <c r="I59" s="131"/>
      <c r="J59" s="131"/>
      <c r="K59" s="132"/>
      <c r="L59" s="133"/>
      <c r="M59" s="134"/>
      <c r="N59" s="134"/>
      <c r="O59" s="134"/>
      <c r="P59" s="134"/>
      <c r="Q59" s="134"/>
      <c r="R59" s="134"/>
      <c r="S59" s="134"/>
      <c r="T59" s="134"/>
      <c r="U59" s="134"/>
      <c r="V59" s="134"/>
      <c r="W59" s="134"/>
      <c r="X59" s="134"/>
      <c r="Y59" s="134"/>
      <c r="Z59" s="134"/>
      <c r="AA59" s="134"/>
      <c r="AB59" s="134"/>
      <c r="AC59" s="134"/>
      <c r="AD59" s="134"/>
      <c r="AE59" s="134"/>
      <c r="AF59" s="134"/>
      <c r="AG59" s="134"/>
      <c r="AH59" s="134"/>
      <c r="AI59" s="134"/>
      <c r="AJ59" s="134"/>
      <c r="AK59" s="135"/>
    </row>
    <row r="60" spans="2:37" ht="14.25" customHeight="1" x14ac:dyDescent="0.15">
      <c r="B60" s="136" t="s">
        <v>69</v>
      </c>
      <c r="C60" s="136"/>
      <c r="D60" s="136"/>
      <c r="E60" s="136"/>
      <c r="F60" s="136"/>
      <c r="G60" s="136"/>
      <c r="H60" s="136"/>
      <c r="I60" s="136"/>
      <c r="J60" s="136"/>
      <c r="K60" s="136"/>
      <c r="L60" s="137"/>
      <c r="M60" s="125"/>
      <c r="N60" s="125"/>
      <c r="O60" s="125"/>
      <c r="P60" s="125"/>
      <c r="Q60" s="125"/>
      <c r="R60" s="126"/>
      <c r="S60" s="126"/>
      <c r="T60" s="126"/>
      <c r="U60" s="127"/>
      <c r="V60" s="128" t="s">
        <v>70</v>
      </c>
      <c r="W60" s="2"/>
      <c r="X60" s="2"/>
      <c r="Y60" s="2"/>
      <c r="Z60" s="2"/>
      <c r="AA60" s="2"/>
      <c r="AB60" s="129"/>
      <c r="AC60" s="129"/>
      <c r="AD60" s="129"/>
      <c r="AJ60" s="88"/>
      <c r="AK60" s="130"/>
    </row>
    <row r="61" spans="2:37" ht="14.25" customHeight="1" x14ac:dyDescent="0.15">
      <c r="B61" s="122" t="s">
        <v>71</v>
      </c>
      <c r="C61" s="108"/>
      <c r="D61" s="108"/>
      <c r="E61" s="108"/>
      <c r="F61" s="108"/>
      <c r="G61" s="108"/>
      <c r="H61" s="108"/>
      <c r="I61" s="108"/>
      <c r="J61" s="108"/>
      <c r="K61" s="108"/>
      <c r="L61" s="37"/>
      <c r="M61" s="38"/>
      <c r="N61" s="38"/>
      <c r="O61" s="38"/>
      <c r="P61" s="38"/>
      <c r="Q61" s="38"/>
      <c r="R61" s="38"/>
      <c r="S61" s="38"/>
      <c r="T61" s="38"/>
      <c r="U61" s="38"/>
      <c r="V61" s="38"/>
      <c r="W61" s="38"/>
      <c r="X61" s="38"/>
      <c r="Y61" s="38"/>
      <c r="Z61" s="38"/>
      <c r="AA61" s="38"/>
      <c r="AB61" s="38"/>
      <c r="AC61" s="38"/>
      <c r="AD61" s="38"/>
      <c r="AE61" s="38"/>
      <c r="AF61" s="38"/>
      <c r="AG61" s="38"/>
      <c r="AH61" s="38"/>
      <c r="AI61" s="38"/>
      <c r="AJ61" s="38"/>
      <c r="AK61" s="138"/>
    </row>
    <row r="62" spans="2:37" ht="14.25" customHeight="1" x14ac:dyDescent="0.15">
      <c r="B62" s="69" t="s">
        <v>72</v>
      </c>
      <c r="C62" s="70"/>
      <c r="D62" s="70"/>
      <c r="E62" s="70"/>
      <c r="F62" s="70"/>
      <c r="G62" s="70"/>
      <c r="H62" s="70"/>
      <c r="I62" s="70"/>
      <c r="J62" s="70"/>
      <c r="K62" s="70"/>
      <c r="L62" s="139"/>
      <c r="M62" s="139"/>
      <c r="N62" s="139"/>
      <c r="O62" s="140"/>
      <c r="P62" s="141"/>
      <c r="Q62" s="142"/>
      <c r="R62" s="142"/>
      <c r="S62" s="142"/>
      <c r="T62" s="142"/>
      <c r="U62" s="126"/>
      <c r="V62" s="128"/>
      <c r="W62" s="2"/>
      <c r="X62" s="2"/>
      <c r="Y62" s="2"/>
      <c r="Z62" s="2"/>
      <c r="AA62" s="2"/>
      <c r="AB62" s="129"/>
      <c r="AC62" s="129"/>
      <c r="AD62" s="129"/>
      <c r="AJ62" s="88"/>
      <c r="AK62" s="130"/>
    </row>
    <row r="63" spans="2:37" ht="14.25" customHeight="1" x14ac:dyDescent="0.15">
      <c r="B63" s="14" t="s">
        <v>73</v>
      </c>
      <c r="C63" s="42" t="s">
        <v>74</v>
      </c>
      <c r="D63" s="43"/>
      <c r="E63" s="43"/>
      <c r="F63" s="43"/>
      <c r="G63" s="43"/>
      <c r="H63" s="43"/>
      <c r="I63" s="43"/>
      <c r="J63" s="43"/>
      <c r="K63" s="43"/>
      <c r="L63" s="43"/>
      <c r="M63" s="43"/>
      <c r="N63" s="43"/>
      <c r="O63" s="43"/>
      <c r="P63" s="43"/>
      <c r="Q63" s="43"/>
      <c r="R63" s="43"/>
      <c r="S63" s="43"/>
      <c r="T63" s="43"/>
      <c r="U63" s="42" t="s">
        <v>75</v>
      </c>
      <c r="V63" s="43"/>
      <c r="W63" s="43"/>
      <c r="X63" s="43"/>
      <c r="Y63" s="43"/>
      <c r="Z63" s="43"/>
      <c r="AA63" s="43"/>
      <c r="AB63" s="43"/>
      <c r="AC63" s="43"/>
      <c r="AD63" s="43"/>
      <c r="AE63" s="43"/>
      <c r="AF63" s="43"/>
      <c r="AG63" s="43"/>
      <c r="AH63" s="43"/>
      <c r="AI63" s="43"/>
      <c r="AJ63" s="43"/>
      <c r="AK63" s="44"/>
    </row>
    <row r="64" spans="2:37" x14ac:dyDescent="0.15">
      <c r="B64" s="21"/>
      <c r="C64" s="77"/>
      <c r="D64" s="143"/>
      <c r="E64" s="143"/>
      <c r="F64" s="143"/>
      <c r="G64" s="143"/>
      <c r="H64" s="143"/>
      <c r="I64" s="143"/>
      <c r="J64" s="143"/>
      <c r="K64" s="143"/>
      <c r="L64" s="143"/>
      <c r="M64" s="143"/>
      <c r="N64" s="143"/>
      <c r="O64" s="143"/>
      <c r="P64" s="143"/>
      <c r="Q64" s="143"/>
      <c r="R64" s="143"/>
      <c r="S64" s="143"/>
      <c r="T64" s="143"/>
      <c r="U64" s="77"/>
      <c r="V64" s="143"/>
      <c r="W64" s="143"/>
      <c r="X64" s="143"/>
      <c r="Y64" s="143"/>
      <c r="Z64" s="143"/>
      <c r="AA64" s="143"/>
      <c r="AB64" s="143"/>
      <c r="AC64" s="143"/>
      <c r="AD64" s="143"/>
      <c r="AE64" s="143"/>
      <c r="AF64" s="143"/>
      <c r="AG64" s="143"/>
      <c r="AH64" s="143"/>
      <c r="AI64" s="143"/>
      <c r="AJ64" s="143"/>
      <c r="AK64" s="144"/>
    </row>
    <row r="65" spans="2:37" x14ac:dyDescent="0.15">
      <c r="B65" s="21"/>
      <c r="C65" s="145"/>
      <c r="D65" s="78"/>
      <c r="E65" s="78"/>
      <c r="F65" s="78"/>
      <c r="G65" s="78"/>
      <c r="H65" s="78"/>
      <c r="I65" s="78"/>
      <c r="J65" s="78"/>
      <c r="K65" s="78"/>
      <c r="L65" s="78"/>
      <c r="M65" s="78"/>
      <c r="N65" s="78"/>
      <c r="O65" s="78"/>
      <c r="P65" s="78"/>
      <c r="Q65" s="78"/>
      <c r="R65" s="78"/>
      <c r="S65" s="78"/>
      <c r="T65" s="78"/>
      <c r="U65" s="145"/>
      <c r="V65" s="78"/>
      <c r="W65" s="78"/>
      <c r="X65" s="78"/>
      <c r="Y65" s="78"/>
      <c r="Z65" s="78"/>
      <c r="AA65" s="78"/>
      <c r="AB65" s="78"/>
      <c r="AC65" s="78"/>
      <c r="AD65" s="78"/>
      <c r="AE65" s="78"/>
      <c r="AF65" s="78"/>
      <c r="AG65" s="78"/>
      <c r="AH65" s="78"/>
      <c r="AI65" s="78"/>
      <c r="AJ65" s="78"/>
      <c r="AK65" s="146"/>
    </row>
    <row r="66" spans="2:37" x14ac:dyDescent="0.15">
      <c r="B66" s="21"/>
      <c r="C66" s="145"/>
      <c r="D66" s="78"/>
      <c r="E66" s="78"/>
      <c r="F66" s="78"/>
      <c r="G66" s="78"/>
      <c r="H66" s="78"/>
      <c r="I66" s="78"/>
      <c r="J66" s="78"/>
      <c r="K66" s="78"/>
      <c r="L66" s="78"/>
      <c r="M66" s="78"/>
      <c r="N66" s="78"/>
      <c r="O66" s="78"/>
      <c r="P66" s="78"/>
      <c r="Q66" s="78"/>
      <c r="R66" s="78"/>
      <c r="S66" s="78"/>
      <c r="T66" s="78"/>
      <c r="U66" s="145"/>
      <c r="V66" s="78"/>
      <c r="W66" s="78"/>
      <c r="X66" s="78"/>
      <c r="Y66" s="78"/>
      <c r="Z66" s="78"/>
      <c r="AA66" s="78"/>
      <c r="AB66" s="78"/>
      <c r="AC66" s="78"/>
      <c r="AD66" s="78"/>
      <c r="AE66" s="78"/>
      <c r="AF66" s="78"/>
      <c r="AG66" s="78"/>
      <c r="AH66" s="78"/>
      <c r="AI66" s="78"/>
      <c r="AJ66" s="78"/>
      <c r="AK66" s="146"/>
    </row>
    <row r="67" spans="2:37" x14ac:dyDescent="0.15">
      <c r="B67" s="51"/>
      <c r="C67" s="147"/>
      <c r="D67" s="148"/>
      <c r="E67" s="148"/>
      <c r="F67" s="148"/>
      <c r="G67" s="148"/>
      <c r="H67" s="148"/>
      <c r="I67" s="148"/>
      <c r="J67" s="148"/>
      <c r="K67" s="148"/>
      <c r="L67" s="148"/>
      <c r="M67" s="148"/>
      <c r="N67" s="148"/>
      <c r="O67" s="148"/>
      <c r="P67" s="148"/>
      <c r="Q67" s="148"/>
      <c r="R67" s="148"/>
      <c r="S67" s="148"/>
      <c r="T67" s="148"/>
      <c r="U67" s="147"/>
      <c r="V67" s="148"/>
      <c r="W67" s="148"/>
      <c r="X67" s="148"/>
      <c r="Y67" s="148"/>
      <c r="Z67" s="148"/>
      <c r="AA67" s="148"/>
      <c r="AB67" s="148"/>
      <c r="AC67" s="148"/>
      <c r="AD67" s="148"/>
      <c r="AE67" s="148"/>
      <c r="AF67" s="148"/>
      <c r="AG67" s="148"/>
      <c r="AH67" s="148"/>
      <c r="AI67" s="148"/>
      <c r="AJ67" s="148"/>
      <c r="AK67" s="149"/>
    </row>
    <row r="68" spans="2:37" ht="14.25" customHeight="1" x14ac:dyDescent="0.15">
      <c r="B68" s="3" t="s">
        <v>76</v>
      </c>
      <c r="C68" s="4"/>
      <c r="D68" s="4"/>
      <c r="E68" s="4"/>
      <c r="F68" s="5"/>
      <c r="G68" s="136" t="s">
        <v>77</v>
      </c>
      <c r="H68" s="136"/>
      <c r="I68" s="136"/>
      <c r="J68" s="136"/>
      <c r="K68" s="136"/>
      <c r="L68" s="136"/>
      <c r="M68" s="136"/>
      <c r="N68" s="136"/>
      <c r="O68" s="136"/>
      <c r="P68" s="136"/>
      <c r="Q68" s="136"/>
      <c r="R68" s="136"/>
      <c r="S68" s="136"/>
      <c r="T68" s="136"/>
      <c r="U68" s="150"/>
      <c r="V68" s="150"/>
      <c r="W68" s="150"/>
      <c r="X68" s="150"/>
      <c r="Y68" s="150"/>
      <c r="Z68" s="150"/>
      <c r="AA68" s="150"/>
      <c r="AB68" s="150"/>
      <c r="AC68" s="150"/>
      <c r="AD68" s="150"/>
      <c r="AE68" s="150"/>
      <c r="AF68" s="150"/>
      <c r="AG68" s="150"/>
      <c r="AH68" s="150"/>
      <c r="AI68" s="150"/>
      <c r="AJ68" s="150"/>
      <c r="AK68" s="150"/>
    </row>
    <row r="70" spans="2:37" x14ac:dyDescent="0.15">
      <c r="B70" s="88" t="s">
        <v>78</v>
      </c>
    </row>
    <row r="71" spans="2:37" x14ac:dyDescent="0.15">
      <c r="B71" s="88" t="s">
        <v>79</v>
      </c>
    </row>
    <row r="72" spans="2:37" x14ac:dyDescent="0.15">
      <c r="B72" s="88" t="s">
        <v>80</v>
      </c>
    </row>
    <row r="73" spans="2:37" x14ac:dyDescent="0.15">
      <c r="B73" s="88" t="s">
        <v>81</v>
      </c>
    </row>
    <row r="74" spans="2:37" x14ac:dyDescent="0.15">
      <c r="B74" s="88" t="s">
        <v>82</v>
      </c>
    </row>
    <row r="75" spans="2:37" x14ac:dyDescent="0.15">
      <c r="B75" s="88" t="s">
        <v>83</v>
      </c>
    </row>
    <row r="76" spans="2:37" x14ac:dyDescent="0.15">
      <c r="B76" s="88" t="s">
        <v>84</v>
      </c>
    </row>
    <row r="77" spans="2:37" x14ac:dyDescent="0.15">
      <c r="B77" s="88"/>
      <c r="E77" s="45" t="s">
        <v>85</v>
      </c>
    </row>
    <row r="78" spans="2:37" x14ac:dyDescent="0.15">
      <c r="B78" s="88" t="s">
        <v>86</v>
      </c>
    </row>
    <row r="79" spans="2:37" x14ac:dyDescent="0.15">
      <c r="B79" s="88" t="s">
        <v>87</v>
      </c>
    </row>
    <row r="80" spans="2:37" x14ac:dyDescent="0.15">
      <c r="E80" s="88" t="s">
        <v>88</v>
      </c>
    </row>
    <row r="91" spans="2:2" ht="12.75" customHeight="1" x14ac:dyDescent="0.15">
      <c r="B91" s="151"/>
    </row>
    <row r="92" spans="2:2" ht="12.75" customHeight="1" x14ac:dyDescent="0.15">
      <c r="B92" s="151" t="s">
        <v>89</v>
      </c>
    </row>
    <row r="93" spans="2:2" ht="12.75" customHeight="1" x14ac:dyDescent="0.15">
      <c r="B93" s="151" t="s">
        <v>90</v>
      </c>
    </row>
    <row r="94" spans="2:2" ht="12.75" customHeight="1" x14ac:dyDescent="0.15">
      <c r="B94" s="151" t="s">
        <v>91</v>
      </c>
    </row>
    <row r="95" spans="2:2" ht="12.75" customHeight="1" x14ac:dyDescent="0.15">
      <c r="B95" s="151" t="s">
        <v>92</v>
      </c>
    </row>
    <row r="96" spans="2:2" ht="12.75" customHeight="1" x14ac:dyDescent="0.15">
      <c r="B96" s="151" t="s">
        <v>93</v>
      </c>
    </row>
    <row r="97" spans="2:2" ht="12.75" customHeight="1" x14ac:dyDescent="0.15">
      <c r="B97" s="151" t="s">
        <v>94</v>
      </c>
    </row>
    <row r="98" spans="2:2" ht="12.75" customHeight="1" x14ac:dyDescent="0.15">
      <c r="B98" s="151" t="s">
        <v>95</v>
      </c>
    </row>
    <row r="99" spans="2:2" ht="12.75" customHeight="1" x14ac:dyDescent="0.15">
      <c r="B99" s="151" t="s">
        <v>96</v>
      </c>
    </row>
    <row r="100" spans="2:2" ht="12.75" customHeight="1" x14ac:dyDescent="0.15"/>
    <row r="101" spans="2:2" ht="12.75" customHeight="1" x14ac:dyDescent="0.15"/>
    <row r="102" spans="2:2" ht="12.75" customHeight="1" x14ac:dyDescent="0.15"/>
    <row r="103" spans="2:2" ht="12.75" customHeight="1" x14ac:dyDescent="0.15"/>
    <row r="104" spans="2:2" ht="12.75" customHeight="1" x14ac:dyDescent="0.15"/>
    <row r="105" spans="2:2" ht="12.75" customHeight="1" x14ac:dyDescent="0.15"/>
    <row r="106" spans="2:2" ht="12.75" customHeight="1" x14ac:dyDescent="0.15"/>
    <row r="107" spans="2:2" ht="12.75" customHeight="1" x14ac:dyDescent="0.15"/>
    <row r="108" spans="2:2" ht="12.75" customHeight="1" x14ac:dyDescent="0.15"/>
    <row r="109" spans="2:2" ht="12.75" customHeight="1" x14ac:dyDescent="0.15"/>
    <row r="110" spans="2:2" ht="12.75" customHeight="1" x14ac:dyDescent="0.15"/>
    <row r="111" spans="2:2" ht="12.75" customHeight="1" x14ac:dyDescent="0.15"/>
    <row r="112" spans="2: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row r="147" spans="1:1" x14ac:dyDescent="0.15">
      <c r="A147" s="152"/>
    </row>
    <row r="183" spans="1:1" x14ac:dyDescent="0.15">
      <c r="A183" s="153"/>
    </row>
    <row r="234" spans="1:1" x14ac:dyDescent="0.15">
      <c r="A234" s="153"/>
    </row>
    <row r="283" spans="1:1" x14ac:dyDescent="0.15">
      <c r="A283" s="153"/>
    </row>
    <row r="310" spans="1:1" x14ac:dyDescent="0.15">
      <c r="A310" s="152"/>
    </row>
    <row r="360" spans="1:1" x14ac:dyDescent="0.15">
      <c r="A360" s="153"/>
    </row>
    <row r="384" spans="1:1" x14ac:dyDescent="0.15">
      <c r="A384" s="152"/>
    </row>
    <row r="412" spans="1:1" x14ac:dyDescent="0.15">
      <c r="A412" s="152"/>
    </row>
    <row r="440" spans="1:1" x14ac:dyDescent="0.15">
      <c r="A440" s="152"/>
    </row>
    <row r="464" spans="1:1" x14ac:dyDescent="0.15">
      <c r="A464" s="152"/>
    </row>
    <row r="493" spans="1:1" x14ac:dyDescent="0.15">
      <c r="A493" s="152"/>
    </row>
    <row r="522" spans="1:1" x14ac:dyDescent="0.15">
      <c r="A522" s="152"/>
    </row>
    <row r="571" spans="1:1" x14ac:dyDescent="0.15">
      <c r="A571" s="153"/>
    </row>
    <row r="602" spans="1:1" x14ac:dyDescent="0.15">
      <c r="A602" s="153"/>
    </row>
    <row r="646" spans="1:1" x14ac:dyDescent="0.15">
      <c r="A646" s="153"/>
    </row>
    <row r="682" spans="1:1" x14ac:dyDescent="0.15">
      <c r="A682" s="152"/>
    </row>
    <row r="721" spans="1:1" x14ac:dyDescent="0.15">
      <c r="A721" s="153"/>
    </row>
    <row r="750" spans="1:1" x14ac:dyDescent="0.15">
      <c r="A750" s="153"/>
    </row>
    <row r="789" spans="1:1" x14ac:dyDescent="0.15">
      <c r="A789" s="153"/>
    </row>
    <row r="828" spans="1:1" x14ac:dyDescent="0.15">
      <c r="A828" s="153"/>
    </row>
    <row r="856" spans="1:1" x14ac:dyDescent="0.15">
      <c r="A856" s="153"/>
    </row>
    <row r="896" spans="1:1" x14ac:dyDescent="0.15">
      <c r="A896" s="153"/>
    </row>
    <row r="936" spans="1:1" x14ac:dyDescent="0.15">
      <c r="A936" s="153"/>
    </row>
    <row r="965" spans="1:1" x14ac:dyDescent="0.15">
      <c r="A965" s="153"/>
    </row>
  </sheetData>
  <mergeCells count="254">
    <mergeCell ref="B68:F68"/>
    <mergeCell ref="G68:AK68"/>
    <mergeCell ref="B62:N62"/>
    <mergeCell ref="B63:B67"/>
    <mergeCell ref="C63:T63"/>
    <mergeCell ref="U63:AK63"/>
    <mergeCell ref="C64:T67"/>
    <mergeCell ref="U64:AK67"/>
    <mergeCell ref="AI57:AK57"/>
    <mergeCell ref="B58:K58"/>
    <mergeCell ref="B59:K59"/>
    <mergeCell ref="L59:AK59"/>
    <mergeCell ref="B60:K60"/>
    <mergeCell ref="B61:K61"/>
    <mergeCell ref="L61:AK61"/>
    <mergeCell ref="AE56:AH56"/>
    <mergeCell ref="AI56:AK56"/>
    <mergeCell ref="C57:L57"/>
    <mergeCell ref="M57:N57"/>
    <mergeCell ref="O57:Q57"/>
    <mergeCell ref="S57:T57"/>
    <mergeCell ref="V57:W57"/>
    <mergeCell ref="Y57:Z57"/>
    <mergeCell ref="AA57:AD57"/>
    <mergeCell ref="AE57:AH57"/>
    <mergeCell ref="AA55:AD55"/>
    <mergeCell ref="AE55:AH55"/>
    <mergeCell ref="AJ55:AK55"/>
    <mergeCell ref="C56:L56"/>
    <mergeCell ref="M56:N56"/>
    <mergeCell ref="O56:Q56"/>
    <mergeCell ref="S56:T56"/>
    <mergeCell ref="V56:W56"/>
    <mergeCell ref="Y56:Z56"/>
    <mergeCell ref="AA56:AD56"/>
    <mergeCell ref="E55:L55"/>
    <mergeCell ref="M55:N55"/>
    <mergeCell ref="O55:Q55"/>
    <mergeCell ref="S55:T55"/>
    <mergeCell ref="V55:W55"/>
    <mergeCell ref="Y55:Z55"/>
    <mergeCell ref="AJ53:AK53"/>
    <mergeCell ref="E54:L54"/>
    <mergeCell ref="M54:N54"/>
    <mergeCell ref="O54:Q54"/>
    <mergeCell ref="S54:T54"/>
    <mergeCell ref="V54:W54"/>
    <mergeCell ref="Y54:Z54"/>
    <mergeCell ref="AA54:AD54"/>
    <mergeCell ref="AE54:AH54"/>
    <mergeCell ref="AJ54:AK54"/>
    <mergeCell ref="AE52:AH52"/>
    <mergeCell ref="AJ52:AK52"/>
    <mergeCell ref="E53:L53"/>
    <mergeCell ref="M53:N53"/>
    <mergeCell ref="O53:Q53"/>
    <mergeCell ref="S53:T53"/>
    <mergeCell ref="V53:W53"/>
    <mergeCell ref="Y53:Z53"/>
    <mergeCell ref="AA53:AD53"/>
    <mergeCell ref="AE53:AH53"/>
    <mergeCell ref="AA51:AD51"/>
    <mergeCell ref="AE51:AH51"/>
    <mergeCell ref="AJ51:AK51"/>
    <mergeCell ref="E52:L52"/>
    <mergeCell ref="M52:N52"/>
    <mergeCell ref="O52:Q52"/>
    <mergeCell ref="S52:T52"/>
    <mergeCell ref="V52:W52"/>
    <mergeCell ref="Y52:Z52"/>
    <mergeCell ref="AA52:AD52"/>
    <mergeCell ref="E51:L51"/>
    <mergeCell ref="M51:N51"/>
    <mergeCell ref="O51:Q51"/>
    <mergeCell ref="S51:T51"/>
    <mergeCell ref="V51:W51"/>
    <mergeCell ref="Y51:Z51"/>
    <mergeCell ref="AJ49:AK49"/>
    <mergeCell ref="E50:L50"/>
    <mergeCell ref="M50:N50"/>
    <mergeCell ref="O50:Q50"/>
    <mergeCell ref="S50:T50"/>
    <mergeCell ref="V50:W50"/>
    <mergeCell ref="Y50:Z50"/>
    <mergeCell ref="AA50:AD50"/>
    <mergeCell ref="AE50:AH50"/>
    <mergeCell ref="AJ50:AK50"/>
    <mergeCell ref="AE48:AH48"/>
    <mergeCell ref="AJ48:AK48"/>
    <mergeCell ref="E49:L49"/>
    <mergeCell ref="M49:N49"/>
    <mergeCell ref="O49:Q49"/>
    <mergeCell ref="S49:T49"/>
    <mergeCell ref="V49:W49"/>
    <mergeCell ref="Y49:Z49"/>
    <mergeCell ref="AA49:AD49"/>
    <mergeCell ref="AE49:AH49"/>
    <mergeCell ref="AA47:AD47"/>
    <mergeCell ref="AE47:AH47"/>
    <mergeCell ref="AJ47:AK47"/>
    <mergeCell ref="E48:L48"/>
    <mergeCell ref="M48:N48"/>
    <mergeCell ref="O48:Q48"/>
    <mergeCell ref="S48:T48"/>
    <mergeCell ref="V48:W48"/>
    <mergeCell ref="Y48:Z48"/>
    <mergeCell ref="AA48:AD48"/>
    <mergeCell ref="E47:L47"/>
    <mergeCell ref="M47:N47"/>
    <mergeCell ref="O47:Q47"/>
    <mergeCell ref="S47:T47"/>
    <mergeCell ref="V47:W47"/>
    <mergeCell ref="Y47:Z47"/>
    <mergeCell ref="AJ45:AK45"/>
    <mergeCell ref="E46:L46"/>
    <mergeCell ref="M46:N46"/>
    <mergeCell ref="O46:Q46"/>
    <mergeCell ref="S46:T46"/>
    <mergeCell ref="V46:W46"/>
    <mergeCell ref="Y46:Z46"/>
    <mergeCell ref="AA46:AD46"/>
    <mergeCell ref="AE46:AH46"/>
    <mergeCell ref="AJ46:AK46"/>
    <mergeCell ref="O45:Q45"/>
    <mergeCell ref="S45:T45"/>
    <mergeCell ref="V45:W45"/>
    <mergeCell ref="Y45:Z45"/>
    <mergeCell ref="AA45:AD45"/>
    <mergeCell ref="AE45:AH45"/>
    <mergeCell ref="AJ43:AK43"/>
    <mergeCell ref="E44:L44"/>
    <mergeCell ref="M44:N44"/>
    <mergeCell ref="O44:Q44"/>
    <mergeCell ref="S44:T44"/>
    <mergeCell ref="V44:W44"/>
    <mergeCell ref="Y44:Z44"/>
    <mergeCell ref="AA44:AD44"/>
    <mergeCell ref="AE44:AH44"/>
    <mergeCell ref="AJ44:AK44"/>
    <mergeCell ref="AI41:AK41"/>
    <mergeCell ref="AE42:AH42"/>
    <mergeCell ref="AI42:AK42"/>
    <mergeCell ref="C43:C55"/>
    <mergeCell ref="E43:L43"/>
    <mergeCell ref="M43:N43"/>
    <mergeCell ref="O43:Q43"/>
    <mergeCell ref="S43:T43"/>
    <mergeCell ref="V43:W43"/>
    <mergeCell ref="Y43:Z43"/>
    <mergeCell ref="B41:B55"/>
    <mergeCell ref="C41:L42"/>
    <mergeCell ref="M41:N42"/>
    <mergeCell ref="R41:Z42"/>
    <mergeCell ref="AA41:AD41"/>
    <mergeCell ref="AE41:AH41"/>
    <mergeCell ref="AA43:AD43"/>
    <mergeCell ref="AE43:AH43"/>
    <mergeCell ref="E45:L45"/>
    <mergeCell ref="M45:N45"/>
    <mergeCell ref="C38:L40"/>
    <mergeCell ref="M38:P38"/>
    <mergeCell ref="Q38:S38"/>
    <mergeCell ref="U38:W38"/>
    <mergeCell ref="Y38:AK38"/>
    <mergeCell ref="M39:P39"/>
    <mergeCell ref="R39:U39"/>
    <mergeCell ref="V39:W39"/>
    <mergeCell ref="X39:AK39"/>
    <mergeCell ref="M40:AK40"/>
    <mergeCell ref="C36:L36"/>
    <mergeCell ref="M36:Q36"/>
    <mergeCell ref="R36:AA36"/>
    <mergeCell ref="AB36:AF36"/>
    <mergeCell ref="AG36:AK36"/>
    <mergeCell ref="C37:L37"/>
    <mergeCell ref="M37:AK37"/>
    <mergeCell ref="C33:L35"/>
    <mergeCell ref="M33:P33"/>
    <mergeCell ref="Q33:S33"/>
    <mergeCell ref="U33:W33"/>
    <mergeCell ref="Y33:AK33"/>
    <mergeCell ref="M34:P34"/>
    <mergeCell ref="R34:U34"/>
    <mergeCell ref="V34:W34"/>
    <mergeCell ref="X34:AK34"/>
    <mergeCell ref="M35:AK35"/>
    <mergeCell ref="M30:P30"/>
    <mergeCell ref="R30:U30"/>
    <mergeCell ref="V30:W30"/>
    <mergeCell ref="X30:AK30"/>
    <mergeCell ref="M31:AK31"/>
    <mergeCell ref="C32:L32"/>
    <mergeCell ref="M32:Q32"/>
    <mergeCell ref="R32:AA32"/>
    <mergeCell ref="AB32:AF32"/>
    <mergeCell ref="AG32:AK32"/>
    <mergeCell ref="B27:B40"/>
    <mergeCell ref="C27:L27"/>
    <mergeCell ref="M27:AK27"/>
    <mergeCell ref="C28:L28"/>
    <mergeCell ref="M28:AK28"/>
    <mergeCell ref="C29:L31"/>
    <mergeCell ref="M29:P29"/>
    <mergeCell ref="Q29:S29"/>
    <mergeCell ref="U29:W29"/>
    <mergeCell ref="Y29:AK29"/>
    <mergeCell ref="C24:L26"/>
    <mergeCell ref="M24:P24"/>
    <mergeCell ref="Q24:S24"/>
    <mergeCell ref="U24:W24"/>
    <mergeCell ref="Y24:AK24"/>
    <mergeCell ref="M25:P25"/>
    <mergeCell ref="R25:U25"/>
    <mergeCell ref="V25:W25"/>
    <mergeCell ref="X25:AK25"/>
    <mergeCell ref="M26:AK26"/>
    <mergeCell ref="C22:L22"/>
    <mergeCell ref="M22:U22"/>
    <mergeCell ref="V22:AA22"/>
    <mergeCell ref="AB22:AK22"/>
    <mergeCell ref="C23:L23"/>
    <mergeCell ref="M23:Q23"/>
    <mergeCell ref="R23:AA23"/>
    <mergeCell ref="AB23:AF23"/>
    <mergeCell ref="AG23:AK23"/>
    <mergeCell ref="M20:AK20"/>
    <mergeCell ref="C21:L21"/>
    <mergeCell ref="M21:Q21"/>
    <mergeCell ref="R21:AA21"/>
    <mergeCell ref="AB21:AF21"/>
    <mergeCell ref="AG21:AK21"/>
    <mergeCell ref="Q18:S18"/>
    <mergeCell ref="U18:W18"/>
    <mergeCell ref="Y18:AK18"/>
    <mergeCell ref="M19:P19"/>
    <mergeCell ref="R19:U19"/>
    <mergeCell ref="V19:W19"/>
    <mergeCell ref="X19:AK19"/>
    <mergeCell ref="B8:G8"/>
    <mergeCell ref="H8:J8"/>
    <mergeCell ref="AB12:AK12"/>
    <mergeCell ref="B16:B26"/>
    <mergeCell ref="C16:L16"/>
    <mergeCell ref="M16:AK16"/>
    <mergeCell ref="C17:L17"/>
    <mergeCell ref="M17:AK17"/>
    <mergeCell ref="C18:L20"/>
    <mergeCell ref="M18:P18"/>
    <mergeCell ref="AB3:AF3"/>
    <mergeCell ref="AG3:AK3"/>
    <mergeCell ref="B5:AK5"/>
    <mergeCell ref="B6:AK6"/>
    <mergeCell ref="AF7:AG7"/>
    <mergeCell ref="AI7:AJ7"/>
  </mergeCells>
  <phoneticPr fontId="3"/>
  <dataValidations count="2">
    <dataValidation type="list" allowBlank="1" showInputMessage="1" showErrorMessage="1" sqref="R43:R57 JN43:JN57 TJ43:TJ57 ADF43:ADF57 ANB43:ANB57 AWX43:AWX57 BGT43:BGT57 BQP43:BQP57 CAL43:CAL57 CKH43:CKH57 CUD43:CUD57 DDZ43:DDZ57 DNV43:DNV57 DXR43:DXR57 EHN43:EHN57 ERJ43:ERJ57 FBF43:FBF57 FLB43:FLB57 FUX43:FUX57 GET43:GET57 GOP43:GOP57 GYL43:GYL57 HIH43:HIH57 HSD43:HSD57 IBZ43:IBZ57 ILV43:ILV57 IVR43:IVR57 JFN43:JFN57 JPJ43:JPJ57 JZF43:JZF57 KJB43:KJB57 KSX43:KSX57 LCT43:LCT57 LMP43:LMP57 LWL43:LWL57 MGH43:MGH57 MQD43:MQD57 MZZ43:MZZ57 NJV43:NJV57 NTR43:NTR57 ODN43:ODN57 ONJ43:ONJ57 OXF43:OXF57 PHB43:PHB57 PQX43:PQX57 QAT43:QAT57 QKP43:QKP57 QUL43:QUL57 REH43:REH57 ROD43:ROD57 RXZ43:RXZ57 SHV43:SHV57 SRR43:SRR57 TBN43:TBN57 TLJ43:TLJ57 TVF43:TVF57 UFB43:UFB57 UOX43:UOX57 UYT43:UYT57 VIP43:VIP57 VSL43:VSL57 WCH43:WCH57 WMD43:WMD57 WVZ43:WVZ57 R65579:R65593 JN65579:JN65593 TJ65579:TJ65593 ADF65579:ADF65593 ANB65579:ANB65593 AWX65579:AWX65593 BGT65579:BGT65593 BQP65579:BQP65593 CAL65579:CAL65593 CKH65579:CKH65593 CUD65579:CUD65593 DDZ65579:DDZ65593 DNV65579:DNV65593 DXR65579:DXR65593 EHN65579:EHN65593 ERJ65579:ERJ65593 FBF65579:FBF65593 FLB65579:FLB65593 FUX65579:FUX65593 GET65579:GET65593 GOP65579:GOP65593 GYL65579:GYL65593 HIH65579:HIH65593 HSD65579:HSD65593 IBZ65579:IBZ65593 ILV65579:ILV65593 IVR65579:IVR65593 JFN65579:JFN65593 JPJ65579:JPJ65593 JZF65579:JZF65593 KJB65579:KJB65593 KSX65579:KSX65593 LCT65579:LCT65593 LMP65579:LMP65593 LWL65579:LWL65593 MGH65579:MGH65593 MQD65579:MQD65593 MZZ65579:MZZ65593 NJV65579:NJV65593 NTR65579:NTR65593 ODN65579:ODN65593 ONJ65579:ONJ65593 OXF65579:OXF65593 PHB65579:PHB65593 PQX65579:PQX65593 QAT65579:QAT65593 QKP65579:QKP65593 QUL65579:QUL65593 REH65579:REH65593 ROD65579:ROD65593 RXZ65579:RXZ65593 SHV65579:SHV65593 SRR65579:SRR65593 TBN65579:TBN65593 TLJ65579:TLJ65593 TVF65579:TVF65593 UFB65579:UFB65593 UOX65579:UOX65593 UYT65579:UYT65593 VIP65579:VIP65593 VSL65579:VSL65593 WCH65579:WCH65593 WMD65579:WMD65593 WVZ65579:WVZ65593 R131115:R131129 JN131115:JN131129 TJ131115:TJ131129 ADF131115:ADF131129 ANB131115:ANB131129 AWX131115:AWX131129 BGT131115:BGT131129 BQP131115:BQP131129 CAL131115:CAL131129 CKH131115:CKH131129 CUD131115:CUD131129 DDZ131115:DDZ131129 DNV131115:DNV131129 DXR131115:DXR131129 EHN131115:EHN131129 ERJ131115:ERJ131129 FBF131115:FBF131129 FLB131115:FLB131129 FUX131115:FUX131129 GET131115:GET131129 GOP131115:GOP131129 GYL131115:GYL131129 HIH131115:HIH131129 HSD131115:HSD131129 IBZ131115:IBZ131129 ILV131115:ILV131129 IVR131115:IVR131129 JFN131115:JFN131129 JPJ131115:JPJ131129 JZF131115:JZF131129 KJB131115:KJB131129 KSX131115:KSX131129 LCT131115:LCT131129 LMP131115:LMP131129 LWL131115:LWL131129 MGH131115:MGH131129 MQD131115:MQD131129 MZZ131115:MZZ131129 NJV131115:NJV131129 NTR131115:NTR131129 ODN131115:ODN131129 ONJ131115:ONJ131129 OXF131115:OXF131129 PHB131115:PHB131129 PQX131115:PQX131129 QAT131115:QAT131129 QKP131115:QKP131129 QUL131115:QUL131129 REH131115:REH131129 ROD131115:ROD131129 RXZ131115:RXZ131129 SHV131115:SHV131129 SRR131115:SRR131129 TBN131115:TBN131129 TLJ131115:TLJ131129 TVF131115:TVF131129 UFB131115:UFB131129 UOX131115:UOX131129 UYT131115:UYT131129 VIP131115:VIP131129 VSL131115:VSL131129 WCH131115:WCH131129 WMD131115:WMD131129 WVZ131115:WVZ131129 R196651:R196665 JN196651:JN196665 TJ196651:TJ196665 ADF196651:ADF196665 ANB196651:ANB196665 AWX196651:AWX196665 BGT196651:BGT196665 BQP196651:BQP196665 CAL196651:CAL196665 CKH196651:CKH196665 CUD196651:CUD196665 DDZ196651:DDZ196665 DNV196651:DNV196665 DXR196651:DXR196665 EHN196651:EHN196665 ERJ196651:ERJ196665 FBF196651:FBF196665 FLB196651:FLB196665 FUX196651:FUX196665 GET196651:GET196665 GOP196651:GOP196665 GYL196651:GYL196665 HIH196651:HIH196665 HSD196651:HSD196665 IBZ196651:IBZ196665 ILV196651:ILV196665 IVR196651:IVR196665 JFN196651:JFN196665 JPJ196651:JPJ196665 JZF196651:JZF196665 KJB196651:KJB196665 KSX196651:KSX196665 LCT196651:LCT196665 LMP196651:LMP196665 LWL196651:LWL196665 MGH196651:MGH196665 MQD196651:MQD196665 MZZ196651:MZZ196665 NJV196651:NJV196665 NTR196651:NTR196665 ODN196651:ODN196665 ONJ196651:ONJ196665 OXF196651:OXF196665 PHB196651:PHB196665 PQX196651:PQX196665 QAT196651:QAT196665 QKP196651:QKP196665 QUL196651:QUL196665 REH196651:REH196665 ROD196651:ROD196665 RXZ196651:RXZ196665 SHV196651:SHV196665 SRR196651:SRR196665 TBN196651:TBN196665 TLJ196651:TLJ196665 TVF196651:TVF196665 UFB196651:UFB196665 UOX196651:UOX196665 UYT196651:UYT196665 VIP196651:VIP196665 VSL196651:VSL196665 WCH196651:WCH196665 WMD196651:WMD196665 WVZ196651:WVZ196665 R262187:R262201 JN262187:JN262201 TJ262187:TJ262201 ADF262187:ADF262201 ANB262187:ANB262201 AWX262187:AWX262201 BGT262187:BGT262201 BQP262187:BQP262201 CAL262187:CAL262201 CKH262187:CKH262201 CUD262187:CUD262201 DDZ262187:DDZ262201 DNV262187:DNV262201 DXR262187:DXR262201 EHN262187:EHN262201 ERJ262187:ERJ262201 FBF262187:FBF262201 FLB262187:FLB262201 FUX262187:FUX262201 GET262187:GET262201 GOP262187:GOP262201 GYL262187:GYL262201 HIH262187:HIH262201 HSD262187:HSD262201 IBZ262187:IBZ262201 ILV262187:ILV262201 IVR262187:IVR262201 JFN262187:JFN262201 JPJ262187:JPJ262201 JZF262187:JZF262201 KJB262187:KJB262201 KSX262187:KSX262201 LCT262187:LCT262201 LMP262187:LMP262201 LWL262187:LWL262201 MGH262187:MGH262201 MQD262187:MQD262201 MZZ262187:MZZ262201 NJV262187:NJV262201 NTR262187:NTR262201 ODN262187:ODN262201 ONJ262187:ONJ262201 OXF262187:OXF262201 PHB262187:PHB262201 PQX262187:PQX262201 QAT262187:QAT262201 QKP262187:QKP262201 QUL262187:QUL262201 REH262187:REH262201 ROD262187:ROD262201 RXZ262187:RXZ262201 SHV262187:SHV262201 SRR262187:SRR262201 TBN262187:TBN262201 TLJ262187:TLJ262201 TVF262187:TVF262201 UFB262187:UFB262201 UOX262187:UOX262201 UYT262187:UYT262201 VIP262187:VIP262201 VSL262187:VSL262201 WCH262187:WCH262201 WMD262187:WMD262201 WVZ262187:WVZ262201 R327723:R327737 JN327723:JN327737 TJ327723:TJ327737 ADF327723:ADF327737 ANB327723:ANB327737 AWX327723:AWX327737 BGT327723:BGT327737 BQP327723:BQP327737 CAL327723:CAL327737 CKH327723:CKH327737 CUD327723:CUD327737 DDZ327723:DDZ327737 DNV327723:DNV327737 DXR327723:DXR327737 EHN327723:EHN327737 ERJ327723:ERJ327737 FBF327723:FBF327737 FLB327723:FLB327737 FUX327723:FUX327737 GET327723:GET327737 GOP327723:GOP327737 GYL327723:GYL327737 HIH327723:HIH327737 HSD327723:HSD327737 IBZ327723:IBZ327737 ILV327723:ILV327737 IVR327723:IVR327737 JFN327723:JFN327737 JPJ327723:JPJ327737 JZF327723:JZF327737 KJB327723:KJB327737 KSX327723:KSX327737 LCT327723:LCT327737 LMP327723:LMP327737 LWL327723:LWL327737 MGH327723:MGH327737 MQD327723:MQD327737 MZZ327723:MZZ327737 NJV327723:NJV327737 NTR327723:NTR327737 ODN327723:ODN327737 ONJ327723:ONJ327737 OXF327723:OXF327737 PHB327723:PHB327737 PQX327723:PQX327737 QAT327723:QAT327737 QKP327723:QKP327737 QUL327723:QUL327737 REH327723:REH327737 ROD327723:ROD327737 RXZ327723:RXZ327737 SHV327723:SHV327737 SRR327723:SRR327737 TBN327723:TBN327737 TLJ327723:TLJ327737 TVF327723:TVF327737 UFB327723:UFB327737 UOX327723:UOX327737 UYT327723:UYT327737 VIP327723:VIP327737 VSL327723:VSL327737 WCH327723:WCH327737 WMD327723:WMD327737 WVZ327723:WVZ327737 R393259:R393273 JN393259:JN393273 TJ393259:TJ393273 ADF393259:ADF393273 ANB393259:ANB393273 AWX393259:AWX393273 BGT393259:BGT393273 BQP393259:BQP393273 CAL393259:CAL393273 CKH393259:CKH393273 CUD393259:CUD393273 DDZ393259:DDZ393273 DNV393259:DNV393273 DXR393259:DXR393273 EHN393259:EHN393273 ERJ393259:ERJ393273 FBF393259:FBF393273 FLB393259:FLB393273 FUX393259:FUX393273 GET393259:GET393273 GOP393259:GOP393273 GYL393259:GYL393273 HIH393259:HIH393273 HSD393259:HSD393273 IBZ393259:IBZ393273 ILV393259:ILV393273 IVR393259:IVR393273 JFN393259:JFN393273 JPJ393259:JPJ393273 JZF393259:JZF393273 KJB393259:KJB393273 KSX393259:KSX393273 LCT393259:LCT393273 LMP393259:LMP393273 LWL393259:LWL393273 MGH393259:MGH393273 MQD393259:MQD393273 MZZ393259:MZZ393273 NJV393259:NJV393273 NTR393259:NTR393273 ODN393259:ODN393273 ONJ393259:ONJ393273 OXF393259:OXF393273 PHB393259:PHB393273 PQX393259:PQX393273 QAT393259:QAT393273 QKP393259:QKP393273 QUL393259:QUL393273 REH393259:REH393273 ROD393259:ROD393273 RXZ393259:RXZ393273 SHV393259:SHV393273 SRR393259:SRR393273 TBN393259:TBN393273 TLJ393259:TLJ393273 TVF393259:TVF393273 UFB393259:UFB393273 UOX393259:UOX393273 UYT393259:UYT393273 VIP393259:VIP393273 VSL393259:VSL393273 WCH393259:WCH393273 WMD393259:WMD393273 WVZ393259:WVZ393273 R458795:R458809 JN458795:JN458809 TJ458795:TJ458809 ADF458795:ADF458809 ANB458795:ANB458809 AWX458795:AWX458809 BGT458795:BGT458809 BQP458795:BQP458809 CAL458795:CAL458809 CKH458795:CKH458809 CUD458795:CUD458809 DDZ458795:DDZ458809 DNV458795:DNV458809 DXR458795:DXR458809 EHN458795:EHN458809 ERJ458795:ERJ458809 FBF458795:FBF458809 FLB458795:FLB458809 FUX458795:FUX458809 GET458795:GET458809 GOP458795:GOP458809 GYL458795:GYL458809 HIH458795:HIH458809 HSD458795:HSD458809 IBZ458795:IBZ458809 ILV458795:ILV458809 IVR458795:IVR458809 JFN458795:JFN458809 JPJ458795:JPJ458809 JZF458795:JZF458809 KJB458795:KJB458809 KSX458795:KSX458809 LCT458795:LCT458809 LMP458795:LMP458809 LWL458795:LWL458809 MGH458795:MGH458809 MQD458795:MQD458809 MZZ458795:MZZ458809 NJV458795:NJV458809 NTR458795:NTR458809 ODN458795:ODN458809 ONJ458795:ONJ458809 OXF458795:OXF458809 PHB458795:PHB458809 PQX458795:PQX458809 QAT458795:QAT458809 QKP458795:QKP458809 QUL458795:QUL458809 REH458795:REH458809 ROD458795:ROD458809 RXZ458795:RXZ458809 SHV458795:SHV458809 SRR458795:SRR458809 TBN458795:TBN458809 TLJ458795:TLJ458809 TVF458795:TVF458809 UFB458795:UFB458809 UOX458795:UOX458809 UYT458795:UYT458809 VIP458795:VIP458809 VSL458795:VSL458809 WCH458795:WCH458809 WMD458795:WMD458809 WVZ458795:WVZ458809 R524331:R524345 JN524331:JN524345 TJ524331:TJ524345 ADF524331:ADF524345 ANB524331:ANB524345 AWX524331:AWX524345 BGT524331:BGT524345 BQP524331:BQP524345 CAL524331:CAL524345 CKH524331:CKH524345 CUD524331:CUD524345 DDZ524331:DDZ524345 DNV524331:DNV524345 DXR524331:DXR524345 EHN524331:EHN524345 ERJ524331:ERJ524345 FBF524331:FBF524345 FLB524331:FLB524345 FUX524331:FUX524345 GET524331:GET524345 GOP524331:GOP524345 GYL524331:GYL524345 HIH524331:HIH524345 HSD524331:HSD524345 IBZ524331:IBZ524345 ILV524331:ILV524345 IVR524331:IVR524345 JFN524331:JFN524345 JPJ524331:JPJ524345 JZF524331:JZF524345 KJB524331:KJB524345 KSX524331:KSX524345 LCT524331:LCT524345 LMP524331:LMP524345 LWL524331:LWL524345 MGH524331:MGH524345 MQD524331:MQD524345 MZZ524331:MZZ524345 NJV524331:NJV524345 NTR524331:NTR524345 ODN524331:ODN524345 ONJ524331:ONJ524345 OXF524331:OXF524345 PHB524331:PHB524345 PQX524331:PQX524345 QAT524331:QAT524345 QKP524331:QKP524345 QUL524331:QUL524345 REH524331:REH524345 ROD524331:ROD524345 RXZ524331:RXZ524345 SHV524331:SHV524345 SRR524331:SRR524345 TBN524331:TBN524345 TLJ524331:TLJ524345 TVF524331:TVF524345 UFB524331:UFB524345 UOX524331:UOX524345 UYT524331:UYT524345 VIP524331:VIP524345 VSL524331:VSL524345 WCH524331:WCH524345 WMD524331:WMD524345 WVZ524331:WVZ524345 R589867:R589881 JN589867:JN589881 TJ589867:TJ589881 ADF589867:ADF589881 ANB589867:ANB589881 AWX589867:AWX589881 BGT589867:BGT589881 BQP589867:BQP589881 CAL589867:CAL589881 CKH589867:CKH589881 CUD589867:CUD589881 DDZ589867:DDZ589881 DNV589867:DNV589881 DXR589867:DXR589881 EHN589867:EHN589881 ERJ589867:ERJ589881 FBF589867:FBF589881 FLB589867:FLB589881 FUX589867:FUX589881 GET589867:GET589881 GOP589867:GOP589881 GYL589867:GYL589881 HIH589867:HIH589881 HSD589867:HSD589881 IBZ589867:IBZ589881 ILV589867:ILV589881 IVR589867:IVR589881 JFN589867:JFN589881 JPJ589867:JPJ589881 JZF589867:JZF589881 KJB589867:KJB589881 KSX589867:KSX589881 LCT589867:LCT589881 LMP589867:LMP589881 LWL589867:LWL589881 MGH589867:MGH589881 MQD589867:MQD589881 MZZ589867:MZZ589881 NJV589867:NJV589881 NTR589867:NTR589881 ODN589867:ODN589881 ONJ589867:ONJ589881 OXF589867:OXF589881 PHB589867:PHB589881 PQX589867:PQX589881 QAT589867:QAT589881 QKP589867:QKP589881 QUL589867:QUL589881 REH589867:REH589881 ROD589867:ROD589881 RXZ589867:RXZ589881 SHV589867:SHV589881 SRR589867:SRR589881 TBN589867:TBN589881 TLJ589867:TLJ589881 TVF589867:TVF589881 UFB589867:UFB589881 UOX589867:UOX589881 UYT589867:UYT589881 VIP589867:VIP589881 VSL589867:VSL589881 WCH589867:WCH589881 WMD589867:WMD589881 WVZ589867:WVZ589881 R655403:R655417 JN655403:JN655417 TJ655403:TJ655417 ADF655403:ADF655417 ANB655403:ANB655417 AWX655403:AWX655417 BGT655403:BGT655417 BQP655403:BQP655417 CAL655403:CAL655417 CKH655403:CKH655417 CUD655403:CUD655417 DDZ655403:DDZ655417 DNV655403:DNV655417 DXR655403:DXR655417 EHN655403:EHN655417 ERJ655403:ERJ655417 FBF655403:FBF655417 FLB655403:FLB655417 FUX655403:FUX655417 GET655403:GET655417 GOP655403:GOP655417 GYL655403:GYL655417 HIH655403:HIH655417 HSD655403:HSD655417 IBZ655403:IBZ655417 ILV655403:ILV655417 IVR655403:IVR655417 JFN655403:JFN655417 JPJ655403:JPJ655417 JZF655403:JZF655417 KJB655403:KJB655417 KSX655403:KSX655417 LCT655403:LCT655417 LMP655403:LMP655417 LWL655403:LWL655417 MGH655403:MGH655417 MQD655403:MQD655417 MZZ655403:MZZ655417 NJV655403:NJV655417 NTR655403:NTR655417 ODN655403:ODN655417 ONJ655403:ONJ655417 OXF655403:OXF655417 PHB655403:PHB655417 PQX655403:PQX655417 QAT655403:QAT655417 QKP655403:QKP655417 QUL655403:QUL655417 REH655403:REH655417 ROD655403:ROD655417 RXZ655403:RXZ655417 SHV655403:SHV655417 SRR655403:SRR655417 TBN655403:TBN655417 TLJ655403:TLJ655417 TVF655403:TVF655417 UFB655403:UFB655417 UOX655403:UOX655417 UYT655403:UYT655417 VIP655403:VIP655417 VSL655403:VSL655417 WCH655403:WCH655417 WMD655403:WMD655417 WVZ655403:WVZ655417 R720939:R720953 JN720939:JN720953 TJ720939:TJ720953 ADF720939:ADF720953 ANB720939:ANB720953 AWX720939:AWX720953 BGT720939:BGT720953 BQP720939:BQP720953 CAL720939:CAL720953 CKH720939:CKH720953 CUD720939:CUD720953 DDZ720939:DDZ720953 DNV720939:DNV720953 DXR720939:DXR720953 EHN720939:EHN720953 ERJ720939:ERJ720953 FBF720939:FBF720953 FLB720939:FLB720953 FUX720939:FUX720953 GET720939:GET720953 GOP720939:GOP720953 GYL720939:GYL720953 HIH720939:HIH720953 HSD720939:HSD720953 IBZ720939:IBZ720953 ILV720939:ILV720953 IVR720939:IVR720953 JFN720939:JFN720953 JPJ720939:JPJ720953 JZF720939:JZF720953 KJB720939:KJB720953 KSX720939:KSX720953 LCT720939:LCT720953 LMP720939:LMP720953 LWL720939:LWL720953 MGH720939:MGH720953 MQD720939:MQD720953 MZZ720939:MZZ720953 NJV720939:NJV720953 NTR720939:NTR720953 ODN720939:ODN720953 ONJ720939:ONJ720953 OXF720939:OXF720953 PHB720939:PHB720953 PQX720939:PQX720953 QAT720939:QAT720953 QKP720939:QKP720953 QUL720939:QUL720953 REH720939:REH720953 ROD720939:ROD720953 RXZ720939:RXZ720953 SHV720939:SHV720953 SRR720939:SRR720953 TBN720939:TBN720953 TLJ720939:TLJ720953 TVF720939:TVF720953 UFB720939:UFB720953 UOX720939:UOX720953 UYT720939:UYT720953 VIP720939:VIP720953 VSL720939:VSL720953 WCH720939:WCH720953 WMD720939:WMD720953 WVZ720939:WVZ720953 R786475:R786489 JN786475:JN786489 TJ786475:TJ786489 ADF786475:ADF786489 ANB786475:ANB786489 AWX786475:AWX786489 BGT786475:BGT786489 BQP786475:BQP786489 CAL786475:CAL786489 CKH786475:CKH786489 CUD786475:CUD786489 DDZ786475:DDZ786489 DNV786475:DNV786489 DXR786475:DXR786489 EHN786475:EHN786489 ERJ786475:ERJ786489 FBF786475:FBF786489 FLB786475:FLB786489 FUX786475:FUX786489 GET786475:GET786489 GOP786475:GOP786489 GYL786475:GYL786489 HIH786475:HIH786489 HSD786475:HSD786489 IBZ786475:IBZ786489 ILV786475:ILV786489 IVR786475:IVR786489 JFN786475:JFN786489 JPJ786475:JPJ786489 JZF786475:JZF786489 KJB786475:KJB786489 KSX786475:KSX786489 LCT786475:LCT786489 LMP786475:LMP786489 LWL786475:LWL786489 MGH786475:MGH786489 MQD786475:MQD786489 MZZ786475:MZZ786489 NJV786475:NJV786489 NTR786475:NTR786489 ODN786475:ODN786489 ONJ786475:ONJ786489 OXF786475:OXF786489 PHB786475:PHB786489 PQX786475:PQX786489 QAT786475:QAT786489 QKP786475:QKP786489 QUL786475:QUL786489 REH786475:REH786489 ROD786475:ROD786489 RXZ786475:RXZ786489 SHV786475:SHV786489 SRR786475:SRR786489 TBN786475:TBN786489 TLJ786475:TLJ786489 TVF786475:TVF786489 UFB786475:UFB786489 UOX786475:UOX786489 UYT786475:UYT786489 VIP786475:VIP786489 VSL786475:VSL786489 WCH786475:WCH786489 WMD786475:WMD786489 WVZ786475:WVZ786489 R852011:R852025 JN852011:JN852025 TJ852011:TJ852025 ADF852011:ADF852025 ANB852011:ANB852025 AWX852011:AWX852025 BGT852011:BGT852025 BQP852011:BQP852025 CAL852011:CAL852025 CKH852011:CKH852025 CUD852011:CUD852025 DDZ852011:DDZ852025 DNV852011:DNV852025 DXR852011:DXR852025 EHN852011:EHN852025 ERJ852011:ERJ852025 FBF852011:FBF852025 FLB852011:FLB852025 FUX852011:FUX852025 GET852011:GET852025 GOP852011:GOP852025 GYL852011:GYL852025 HIH852011:HIH852025 HSD852011:HSD852025 IBZ852011:IBZ852025 ILV852011:ILV852025 IVR852011:IVR852025 JFN852011:JFN852025 JPJ852011:JPJ852025 JZF852011:JZF852025 KJB852011:KJB852025 KSX852011:KSX852025 LCT852011:LCT852025 LMP852011:LMP852025 LWL852011:LWL852025 MGH852011:MGH852025 MQD852011:MQD852025 MZZ852011:MZZ852025 NJV852011:NJV852025 NTR852011:NTR852025 ODN852011:ODN852025 ONJ852011:ONJ852025 OXF852011:OXF852025 PHB852011:PHB852025 PQX852011:PQX852025 QAT852011:QAT852025 QKP852011:QKP852025 QUL852011:QUL852025 REH852011:REH852025 ROD852011:ROD852025 RXZ852011:RXZ852025 SHV852011:SHV852025 SRR852011:SRR852025 TBN852011:TBN852025 TLJ852011:TLJ852025 TVF852011:TVF852025 UFB852011:UFB852025 UOX852011:UOX852025 UYT852011:UYT852025 VIP852011:VIP852025 VSL852011:VSL852025 WCH852011:WCH852025 WMD852011:WMD852025 WVZ852011:WVZ852025 R917547:R917561 JN917547:JN917561 TJ917547:TJ917561 ADF917547:ADF917561 ANB917547:ANB917561 AWX917547:AWX917561 BGT917547:BGT917561 BQP917547:BQP917561 CAL917547:CAL917561 CKH917547:CKH917561 CUD917547:CUD917561 DDZ917547:DDZ917561 DNV917547:DNV917561 DXR917547:DXR917561 EHN917547:EHN917561 ERJ917547:ERJ917561 FBF917547:FBF917561 FLB917547:FLB917561 FUX917547:FUX917561 GET917547:GET917561 GOP917547:GOP917561 GYL917547:GYL917561 HIH917547:HIH917561 HSD917547:HSD917561 IBZ917547:IBZ917561 ILV917547:ILV917561 IVR917547:IVR917561 JFN917547:JFN917561 JPJ917547:JPJ917561 JZF917547:JZF917561 KJB917547:KJB917561 KSX917547:KSX917561 LCT917547:LCT917561 LMP917547:LMP917561 LWL917547:LWL917561 MGH917547:MGH917561 MQD917547:MQD917561 MZZ917547:MZZ917561 NJV917547:NJV917561 NTR917547:NTR917561 ODN917547:ODN917561 ONJ917547:ONJ917561 OXF917547:OXF917561 PHB917547:PHB917561 PQX917547:PQX917561 QAT917547:QAT917561 QKP917547:QKP917561 QUL917547:QUL917561 REH917547:REH917561 ROD917547:ROD917561 RXZ917547:RXZ917561 SHV917547:SHV917561 SRR917547:SRR917561 TBN917547:TBN917561 TLJ917547:TLJ917561 TVF917547:TVF917561 UFB917547:UFB917561 UOX917547:UOX917561 UYT917547:UYT917561 VIP917547:VIP917561 VSL917547:VSL917561 WCH917547:WCH917561 WMD917547:WMD917561 WVZ917547:WVZ917561 R983083:R983097 JN983083:JN983097 TJ983083:TJ983097 ADF983083:ADF983097 ANB983083:ANB983097 AWX983083:AWX983097 BGT983083:BGT983097 BQP983083:BQP983097 CAL983083:CAL983097 CKH983083:CKH983097 CUD983083:CUD983097 DDZ983083:DDZ983097 DNV983083:DNV983097 DXR983083:DXR983097 EHN983083:EHN983097 ERJ983083:ERJ983097 FBF983083:FBF983097 FLB983083:FLB983097 FUX983083:FUX983097 GET983083:GET983097 GOP983083:GOP983097 GYL983083:GYL983097 HIH983083:HIH983097 HSD983083:HSD983097 IBZ983083:IBZ983097 ILV983083:ILV983097 IVR983083:IVR983097 JFN983083:JFN983097 JPJ983083:JPJ983097 JZF983083:JZF983097 KJB983083:KJB983097 KSX983083:KSX983097 LCT983083:LCT983097 LMP983083:LMP983097 LWL983083:LWL983097 MGH983083:MGH983097 MQD983083:MQD983097 MZZ983083:MZZ983097 NJV983083:NJV983097 NTR983083:NTR983097 ODN983083:ODN983097 ONJ983083:ONJ983097 OXF983083:OXF983097 PHB983083:PHB983097 PQX983083:PQX983097 QAT983083:QAT983097 QKP983083:QKP983097 QUL983083:QUL983097 REH983083:REH983097 ROD983083:ROD983097 RXZ983083:RXZ983097 SHV983083:SHV983097 SRR983083:SRR983097 TBN983083:TBN983097 TLJ983083:TLJ983097 TVF983083:TVF983097 UFB983083:UFB983097 UOX983083:UOX983097 UYT983083:UYT983097 VIP983083:VIP983097 VSL983083:VSL983097 WCH983083:WCH983097 WMD983083:WMD983097 WVZ983083:WVZ983097 U43:U57 JQ43:JQ57 TM43:TM57 ADI43:ADI57 ANE43:ANE57 AXA43:AXA57 BGW43:BGW57 BQS43:BQS57 CAO43:CAO57 CKK43:CKK57 CUG43:CUG57 DEC43:DEC57 DNY43:DNY57 DXU43:DXU57 EHQ43:EHQ57 ERM43:ERM57 FBI43:FBI57 FLE43:FLE57 FVA43:FVA57 GEW43:GEW57 GOS43:GOS57 GYO43:GYO57 HIK43:HIK57 HSG43:HSG57 ICC43:ICC57 ILY43:ILY57 IVU43:IVU57 JFQ43:JFQ57 JPM43:JPM57 JZI43:JZI57 KJE43:KJE57 KTA43:KTA57 LCW43:LCW57 LMS43:LMS57 LWO43:LWO57 MGK43:MGK57 MQG43:MQG57 NAC43:NAC57 NJY43:NJY57 NTU43:NTU57 ODQ43:ODQ57 ONM43:ONM57 OXI43:OXI57 PHE43:PHE57 PRA43:PRA57 QAW43:QAW57 QKS43:QKS57 QUO43:QUO57 REK43:REK57 ROG43:ROG57 RYC43:RYC57 SHY43:SHY57 SRU43:SRU57 TBQ43:TBQ57 TLM43:TLM57 TVI43:TVI57 UFE43:UFE57 UPA43:UPA57 UYW43:UYW57 VIS43:VIS57 VSO43:VSO57 WCK43:WCK57 WMG43:WMG57 WWC43:WWC57 U65579:U65593 JQ65579:JQ65593 TM65579:TM65593 ADI65579:ADI65593 ANE65579:ANE65593 AXA65579:AXA65593 BGW65579:BGW65593 BQS65579:BQS65593 CAO65579:CAO65593 CKK65579:CKK65593 CUG65579:CUG65593 DEC65579:DEC65593 DNY65579:DNY65593 DXU65579:DXU65593 EHQ65579:EHQ65593 ERM65579:ERM65593 FBI65579:FBI65593 FLE65579:FLE65593 FVA65579:FVA65593 GEW65579:GEW65593 GOS65579:GOS65593 GYO65579:GYO65593 HIK65579:HIK65593 HSG65579:HSG65593 ICC65579:ICC65593 ILY65579:ILY65593 IVU65579:IVU65593 JFQ65579:JFQ65593 JPM65579:JPM65593 JZI65579:JZI65593 KJE65579:KJE65593 KTA65579:KTA65593 LCW65579:LCW65593 LMS65579:LMS65593 LWO65579:LWO65593 MGK65579:MGK65593 MQG65579:MQG65593 NAC65579:NAC65593 NJY65579:NJY65593 NTU65579:NTU65593 ODQ65579:ODQ65593 ONM65579:ONM65593 OXI65579:OXI65593 PHE65579:PHE65593 PRA65579:PRA65593 QAW65579:QAW65593 QKS65579:QKS65593 QUO65579:QUO65593 REK65579:REK65593 ROG65579:ROG65593 RYC65579:RYC65593 SHY65579:SHY65593 SRU65579:SRU65593 TBQ65579:TBQ65593 TLM65579:TLM65593 TVI65579:TVI65593 UFE65579:UFE65593 UPA65579:UPA65593 UYW65579:UYW65593 VIS65579:VIS65593 VSO65579:VSO65593 WCK65579:WCK65593 WMG65579:WMG65593 WWC65579:WWC65593 U131115:U131129 JQ131115:JQ131129 TM131115:TM131129 ADI131115:ADI131129 ANE131115:ANE131129 AXA131115:AXA131129 BGW131115:BGW131129 BQS131115:BQS131129 CAO131115:CAO131129 CKK131115:CKK131129 CUG131115:CUG131129 DEC131115:DEC131129 DNY131115:DNY131129 DXU131115:DXU131129 EHQ131115:EHQ131129 ERM131115:ERM131129 FBI131115:FBI131129 FLE131115:FLE131129 FVA131115:FVA131129 GEW131115:GEW131129 GOS131115:GOS131129 GYO131115:GYO131129 HIK131115:HIK131129 HSG131115:HSG131129 ICC131115:ICC131129 ILY131115:ILY131129 IVU131115:IVU131129 JFQ131115:JFQ131129 JPM131115:JPM131129 JZI131115:JZI131129 KJE131115:KJE131129 KTA131115:KTA131129 LCW131115:LCW131129 LMS131115:LMS131129 LWO131115:LWO131129 MGK131115:MGK131129 MQG131115:MQG131129 NAC131115:NAC131129 NJY131115:NJY131129 NTU131115:NTU131129 ODQ131115:ODQ131129 ONM131115:ONM131129 OXI131115:OXI131129 PHE131115:PHE131129 PRA131115:PRA131129 QAW131115:QAW131129 QKS131115:QKS131129 QUO131115:QUO131129 REK131115:REK131129 ROG131115:ROG131129 RYC131115:RYC131129 SHY131115:SHY131129 SRU131115:SRU131129 TBQ131115:TBQ131129 TLM131115:TLM131129 TVI131115:TVI131129 UFE131115:UFE131129 UPA131115:UPA131129 UYW131115:UYW131129 VIS131115:VIS131129 VSO131115:VSO131129 WCK131115:WCK131129 WMG131115:WMG131129 WWC131115:WWC131129 U196651:U196665 JQ196651:JQ196665 TM196651:TM196665 ADI196651:ADI196665 ANE196651:ANE196665 AXA196651:AXA196665 BGW196651:BGW196665 BQS196651:BQS196665 CAO196651:CAO196665 CKK196651:CKK196665 CUG196651:CUG196665 DEC196651:DEC196665 DNY196651:DNY196665 DXU196651:DXU196665 EHQ196651:EHQ196665 ERM196651:ERM196665 FBI196651:FBI196665 FLE196651:FLE196665 FVA196651:FVA196665 GEW196651:GEW196665 GOS196651:GOS196665 GYO196651:GYO196665 HIK196651:HIK196665 HSG196651:HSG196665 ICC196651:ICC196665 ILY196651:ILY196665 IVU196651:IVU196665 JFQ196651:JFQ196665 JPM196651:JPM196665 JZI196651:JZI196665 KJE196651:KJE196665 KTA196651:KTA196665 LCW196651:LCW196665 LMS196651:LMS196665 LWO196651:LWO196665 MGK196651:MGK196665 MQG196651:MQG196665 NAC196651:NAC196665 NJY196651:NJY196665 NTU196651:NTU196665 ODQ196651:ODQ196665 ONM196651:ONM196665 OXI196651:OXI196665 PHE196651:PHE196665 PRA196651:PRA196665 QAW196651:QAW196665 QKS196651:QKS196665 QUO196651:QUO196665 REK196651:REK196665 ROG196651:ROG196665 RYC196651:RYC196665 SHY196651:SHY196665 SRU196651:SRU196665 TBQ196651:TBQ196665 TLM196651:TLM196665 TVI196651:TVI196665 UFE196651:UFE196665 UPA196651:UPA196665 UYW196651:UYW196665 VIS196651:VIS196665 VSO196651:VSO196665 WCK196651:WCK196665 WMG196651:WMG196665 WWC196651:WWC196665 U262187:U262201 JQ262187:JQ262201 TM262187:TM262201 ADI262187:ADI262201 ANE262187:ANE262201 AXA262187:AXA262201 BGW262187:BGW262201 BQS262187:BQS262201 CAO262187:CAO262201 CKK262187:CKK262201 CUG262187:CUG262201 DEC262187:DEC262201 DNY262187:DNY262201 DXU262187:DXU262201 EHQ262187:EHQ262201 ERM262187:ERM262201 FBI262187:FBI262201 FLE262187:FLE262201 FVA262187:FVA262201 GEW262187:GEW262201 GOS262187:GOS262201 GYO262187:GYO262201 HIK262187:HIK262201 HSG262187:HSG262201 ICC262187:ICC262201 ILY262187:ILY262201 IVU262187:IVU262201 JFQ262187:JFQ262201 JPM262187:JPM262201 JZI262187:JZI262201 KJE262187:KJE262201 KTA262187:KTA262201 LCW262187:LCW262201 LMS262187:LMS262201 LWO262187:LWO262201 MGK262187:MGK262201 MQG262187:MQG262201 NAC262187:NAC262201 NJY262187:NJY262201 NTU262187:NTU262201 ODQ262187:ODQ262201 ONM262187:ONM262201 OXI262187:OXI262201 PHE262187:PHE262201 PRA262187:PRA262201 QAW262187:QAW262201 QKS262187:QKS262201 QUO262187:QUO262201 REK262187:REK262201 ROG262187:ROG262201 RYC262187:RYC262201 SHY262187:SHY262201 SRU262187:SRU262201 TBQ262187:TBQ262201 TLM262187:TLM262201 TVI262187:TVI262201 UFE262187:UFE262201 UPA262187:UPA262201 UYW262187:UYW262201 VIS262187:VIS262201 VSO262187:VSO262201 WCK262187:WCK262201 WMG262187:WMG262201 WWC262187:WWC262201 U327723:U327737 JQ327723:JQ327737 TM327723:TM327737 ADI327723:ADI327737 ANE327723:ANE327737 AXA327723:AXA327737 BGW327723:BGW327737 BQS327723:BQS327737 CAO327723:CAO327737 CKK327723:CKK327737 CUG327723:CUG327737 DEC327723:DEC327737 DNY327723:DNY327737 DXU327723:DXU327737 EHQ327723:EHQ327737 ERM327723:ERM327737 FBI327723:FBI327737 FLE327723:FLE327737 FVA327723:FVA327737 GEW327723:GEW327737 GOS327723:GOS327737 GYO327723:GYO327737 HIK327723:HIK327737 HSG327723:HSG327737 ICC327723:ICC327737 ILY327723:ILY327737 IVU327723:IVU327737 JFQ327723:JFQ327737 JPM327723:JPM327737 JZI327723:JZI327737 KJE327723:KJE327737 KTA327723:KTA327737 LCW327723:LCW327737 LMS327723:LMS327737 LWO327723:LWO327737 MGK327723:MGK327737 MQG327723:MQG327737 NAC327723:NAC327737 NJY327723:NJY327737 NTU327723:NTU327737 ODQ327723:ODQ327737 ONM327723:ONM327737 OXI327723:OXI327737 PHE327723:PHE327737 PRA327723:PRA327737 QAW327723:QAW327737 QKS327723:QKS327737 QUO327723:QUO327737 REK327723:REK327737 ROG327723:ROG327737 RYC327723:RYC327737 SHY327723:SHY327737 SRU327723:SRU327737 TBQ327723:TBQ327737 TLM327723:TLM327737 TVI327723:TVI327737 UFE327723:UFE327737 UPA327723:UPA327737 UYW327723:UYW327737 VIS327723:VIS327737 VSO327723:VSO327737 WCK327723:WCK327737 WMG327723:WMG327737 WWC327723:WWC327737 U393259:U393273 JQ393259:JQ393273 TM393259:TM393273 ADI393259:ADI393273 ANE393259:ANE393273 AXA393259:AXA393273 BGW393259:BGW393273 BQS393259:BQS393273 CAO393259:CAO393273 CKK393259:CKK393273 CUG393259:CUG393273 DEC393259:DEC393273 DNY393259:DNY393273 DXU393259:DXU393273 EHQ393259:EHQ393273 ERM393259:ERM393273 FBI393259:FBI393273 FLE393259:FLE393273 FVA393259:FVA393273 GEW393259:GEW393273 GOS393259:GOS393273 GYO393259:GYO393273 HIK393259:HIK393273 HSG393259:HSG393273 ICC393259:ICC393273 ILY393259:ILY393273 IVU393259:IVU393273 JFQ393259:JFQ393273 JPM393259:JPM393273 JZI393259:JZI393273 KJE393259:KJE393273 KTA393259:KTA393273 LCW393259:LCW393273 LMS393259:LMS393273 LWO393259:LWO393273 MGK393259:MGK393273 MQG393259:MQG393273 NAC393259:NAC393273 NJY393259:NJY393273 NTU393259:NTU393273 ODQ393259:ODQ393273 ONM393259:ONM393273 OXI393259:OXI393273 PHE393259:PHE393273 PRA393259:PRA393273 QAW393259:QAW393273 QKS393259:QKS393273 QUO393259:QUO393273 REK393259:REK393273 ROG393259:ROG393273 RYC393259:RYC393273 SHY393259:SHY393273 SRU393259:SRU393273 TBQ393259:TBQ393273 TLM393259:TLM393273 TVI393259:TVI393273 UFE393259:UFE393273 UPA393259:UPA393273 UYW393259:UYW393273 VIS393259:VIS393273 VSO393259:VSO393273 WCK393259:WCK393273 WMG393259:WMG393273 WWC393259:WWC393273 U458795:U458809 JQ458795:JQ458809 TM458795:TM458809 ADI458795:ADI458809 ANE458795:ANE458809 AXA458795:AXA458809 BGW458795:BGW458809 BQS458795:BQS458809 CAO458795:CAO458809 CKK458795:CKK458809 CUG458795:CUG458809 DEC458795:DEC458809 DNY458795:DNY458809 DXU458795:DXU458809 EHQ458795:EHQ458809 ERM458795:ERM458809 FBI458795:FBI458809 FLE458795:FLE458809 FVA458795:FVA458809 GEW458795:GEW458809 GOS458795:GOS458809 GYO458795:GYO458809 HIK458795:HIK458809 HSG458795:HSG458809 ICC458795:ICC458809 ILY458795:ILY458809 IVU458795:IVU458809 JFQ458795:JFQ458809 JPM458795:JPM458809 JZI458795:JZI458809 KJE458795:KJE458809 KTA458795:KTA458809 LCW458795:LCW458809 LMS458795:LMS458809 LWO458795:LWO458809 MGK458795:MGK458809 MQG458795:MQG458809 NAC458795:NAC458809 NJY458795:NJY458809 NTU458795:NTU458809 ODQ458795:ODQ458809 ONM458795:ONM458809 OXI458795:OXI458809 PHE458795:PHE458809 PRA458795:PRA458809 QAW458795:QAW458809 QKS458795:QKS458809 QUO458795:QUO458809 REK458795:REK458809 ROG458795:ROG458809 RYC458795:RYC458809 SHY458795:SHY458809 SRU458795:SRU458809 TBQ458795:TBQ458809 TLM458795:TLM458809 TVI458795:TVI458809 UFE458795:UFE458809 UPA458795:UPA458809 UYW458795:UYW458809 VIS458795:VIS458809 VSO458795:VSO458809 WCK458795:WCK458809 WMG458795:WMG458809 WWC458795:WWC458809 U524331:U524345 JQ524331:JQ524345 TM524331:TM524345 ADI524331:ADI524345 ANE524331:ANE524345 AXA524331:AXA524345 BGW524331:BGW524345 BQS524331:BQS524345 CAO524331:CAO524345 CKK524331:CKK524345 CUG524331:CUG524345 DEC524331:DEC524345 DNY524331:DNY524345 DXU524331:DXU524345 EHQ524331:EHQ524345 ERM524331:ERM524345 FBI524331:FBI524345 FLE524331:FLE524345 FVA524331:FVA524345 GEW524331:GEW524345 GOS524331:GOS524345 GYO524331:GYO524345 HIK524331:HIK524345 HSG524331:HSG524345 ICC524331:ICC524345 ILY524331:ILY524345 IVU524331:IVU524345 JFQ524331:JFQ524345 JPM524331:JPM524345 JZI524331:JZI524345 KJE524331:KJE524345 KTA524331:KTA524345 LCW524331:LCW524345 LMS524331:LMS524345 LWO524331:LWO524345 MGK524331:MGK524345 MQG524331:MQG524345 NAC524331:NAC524345 NJY524331:NJY524345 NTU524331:NTU524345 ODQ524331:ODQ524345 ONM524331:ONM524345 OXI524331:OXI524345 PHE524331:PHE524345 PRA524331:PRA524345 QAW524331:QAW524345 QKS524331:QKS524345 QUO524331:QUO524345 REK524331:REK524345 ROG524331:ROG524345 RYC524331:RYC524345 SHY524331:SHY524345 SRU524331:SRU524345 TBQ524331:TBQ524345 TLM524331:TLM524345 TVI524331:TVI524345 UFE524331:UFE524345 UPA524331:UPA524345 UYW524331:UYW524345 VIS524331:VIS524345 VSO524331:VSO524345 WCK524331:WCK524345 WMG524331:WMG524345 WWC524331:WWC524345 U589867:U589881 JQ589867:JQ589881 TM589867:TM589881 ADI589867:ADI589881 ANE589867:ANE589881 AXA589867:AXA589881 BGW589867:BGW589881 BQS589867:BQS589881 CAO589867:CAO589881 CKK589867:CKK589881 CUG589867:CUG589881 DEC589867:DEC589881 DNY589867:DNY589881 DXU589867:DXU589881 EHQ589867:EHQ589881 ERM589867:ERM589881 FBI589867:FBI589881 FLE589867:FLE589881 FVA589867:FVA589881 GEW589867:GEW589881 GOS589867:GOS589881 GYO589867:GYO589881 HIK589867:HIK589881 HSG589867:HSG589881 ICC589867:ICC589881 ILY589867:ILY589881 IVU589867:IVU589881 JFQ589867:JFQ589881 JPM589867:JPM589881 JZI589867:JZI589881 KJE589867:KJE589881 KTA589867:KTA589881 LCW589867:LCW589881 LMS589867:LMS589881 LWO589867:LWO589881 MGK589867:MGK589881 MQG589867:MQG589881 NAC589867:NAC589881 NJY589867:NJY589881 NTU589867:NTU589881 ODQ589867:ODQ589881 ONM589867:ONM589881 OXI589867:OXI589881 PHE589867:PHE589881 PRA589867:PRA589881 QAW589867:QAW589881 QKS589867:QKS589881 QUO589867:QUO589881 REK589867:REK589881 ROG589867:ROG589881 RYC589867:RYC589881 SHY589867:SHY589881 SRU589867:SRU589881 TBQ589867:TBQ589881 TLM589867:TLM589881 TVI589867:TVI589881 UFE589867:UFE589881 UPA589867:UPA589881 UYW589867:UYW589881 VIS589867:VIS589881 VSO589867:VSO589881 WCK589867:WCK589881 WMG589867:WMG589881 WWC589867:WWC589881 U655403:U655417 JQ655403:JQ655417 TM655403:TM655417 ADI655403:ADI655417 ANE655403:ANE655417 AXA655403:AXA655417 BGW655403:BGW655417 BQS655403:BQS655417 CAO655403:CAO655417 CKK655403:CKK655417 CUG655403:CUG655417 DEC655403:DEC655417 DNY655403:DNY655417 DXU655403:DXU655417 EHQ655403:EHQ655417 ERM655403:ERM655417 FBI655403:FBI655417 FLE655403:FLE655417 FVA655403:FVA655417 GEW655403:GEW655417 GOS655403:GOS655417 GYO655403:GYO655417 HIK655403:HIK655417 HSG655403:HSG655417 ICC655403:ICC655417 ILY655403:ILY655417 IVU655403:IVU655417 JFQ655403:JFQ655417 JPM655403:JPM655417 JZI655403:JZI655417 KJE655403:KJE655417 KTA655403:KTA655417 LCW655403:LCW655417 LMS655403:LMS655417 LWO655403:LWO655417 MGK655403:MGK655417 MQG655403:MQG655417 NAC655403:NAC655417 NJY655403:NJY655417 NTU655403:NTU655417 ODQ655403:ODQ655417 ONM655403:ONM655417 OXI655403:OXI655417 PHE655403:PHE655417 PRA655403:PRA655417 QAW655403:QAW655417 QKS655403:QKS655417 QUO655403:QUO655417 REK655403:REK655417 ROG655403:ROG655417 RYC655403:RYC655417 SHY655403:SHY655417 SRU655403:SRU655417 TBQ655403:TBQ655417 TLM655403:TLM655417 TVI655403:TVI655417 UFE655403:UFE655417 UPA655403:UPA655417 UYW655403:UYW655417 VIS655403:VIS655417 VSO655403:VSO655417 WCK655403:WCK655417 WMG655403:WMG655417 WWC655403:WWC655417 U720939:U720953 JQ720939:JQ720953 TM720939:TM720953 ADI720939:ADI720953 ANE720939:ANE720953 AXA720939:AXA720953 BGW720939:BGW720953 BQS720939:BQS720953 CAO720939:CAO720953 CKK720939:CKK720953 CUG720939:CUG720953 DEC720939:DEC720953 DNY720939:DNY720953 DXU720939:DXU720953 EHQ720939:EHQ720953 ERM720939:ERM720953 FBI720939:FBI720953 FLE720939:FLE720953 FVA720939:FVA720953 GEW720939:GEW720953 GOS720939:GOS720953 GYO720939:GYO720953 HIK720939:HIK720953 HSG720939:HSG720953 ICC720939:ICC720953 ILY720939:ILY720953 IVU720939:IVU720953 JFQ720939:JFQ720953 JPM720939:JPM720953 JZI720939:JZI720953 KJE720939:KJE720953 KTA720939:KTA720953 LCW720939:LCW720953 LMS720939:LMS720953 LWO720939:LWO720953 MGK720939:MGK720953 MQG720939:MQG720953 NAC720939:NAC720953 NJY720939:NJY720953 NTU720939:NTU720953 ODQ720939:ODQ720953 ONM720939:ONM720953 OXI720939:OXI720953 PHE720939:PHE720953 PRA720939:PRA720953 QAW720939:QAW720953 QKS720939:QKS720953 QUO720939:QUO720953 REK720939:REK720953 ROG720939:ROG720953 RYC720939:RYC720953 SHY720939:SHY720953 SRU720939:SRU720953 TBQ720939:TBQ720953 TLM720939:TLM720953 TVI720939:TVI720953 UFE720939:UFE720953 UPA720939:UPA720953 UYW720939:UYW720953 VIS720939:VIS720953 VSO720939:VSO720953 WCK720939:WCK720953 WMG720939:WMG720953 WWC720939:WWC720953 U786475:U786489 JQ786475:JQ786489 TM786475:TM786489 ADI786475:ADI786489 ANE786475:ANE786489 AXA786475:AXA786489 BGW786475:BGW786489 BQS786475:BQS786489 CAO786475:CAO786489 CKK786475:CKK786489 CUG786475:CUG786489 DEC786475:DEC786489 DNY786475:DNY786489 DXU786475:DXU786489 EHQ786475:EHQ786489 ERM786475:ERM786489 FBI786475:FBI786489 FLE786475:FLE786489 FVA786475:FVA786489 GEW786475:GEW786489 GOS786475:GOS786489 GYO786475:GYO786489 HIK786475:HIK786489 HSG786475:HSG786489 ICC786475:ICC786489 ILY786475:ILY786489 IVU786475:IVU786489 JFQ786475:JFQ786489 JPM786475:JPM786489 JZI786475:JZI786489 KJE786475:KJE786489 KTA786475:KTA786489 LCW786475:LCW786489 LMS786475:LMS786489 LWO786475:LWO786489 MGK786475:MGK786489 MQG786475:MQG786489 NAC786475:NAC786489 NJY786475:NJY786489 NTU786475:NTU786489 ODQ786475:ODQ786489 ONM786475:ONM786489 OXI786475:OXI786489 PHE786475:PHE786489 PRA786475:PRA786489 QAW786475:QAW786489 QKS786475:QKS786489 QUO786475:QUO786489 REK786475:REK786489 ROG786475:ROG786489 RYC786475:RYC786489 SHY786475:SHY786489 SRU786475:SRU786489 TBQ786475:TBQ786489 TLM786475:TLM786489 TVI786475:TVI786489 UFE786475:UFE786489 UPA786475:UPA786489 UYW786475:UYW786489 VIS786475:VIS786489 VSO786475:VSO786489 WCK786475:WCK786489 WMG786475:WMG786489 WWC786475:WWC786489 U852011:U852025 JQ852011:JQ852025 TM852011:TM852025 ADI852011:ADI852025 ANE852011:ANE852025 AXA852011:AXA852025 BGW852011:BGW852025 BQS852011:BQS852025 CAO852011:CAO852025 CKK852011:CKK852025 CUG852011:CUG852025 DEC852011:DEC852025 DNY852011:DNY852025 DXU852011:DXU852025 EHQ852011:EHQ852025 ERM852011:ERM852025 FBI852011:FBI852025 FLE852011:FLE852025 FVA852011:FVA852025 GEW852011:GEW852025 GOS852011:GOS852025 GYO852011:GYO852025 HIK852011:HIK852025 HSG852011:HSG852025 ICC852011:ICC852025 ILY852011:ILY852025 IVU852011:IVU852025 JFQ852011:JFQ852025 JPM852011:JPM852025 JZI852011:JZI852025 KJE852011:KJE852025 KTA852011:KTA852025 LCW852011:LCW852025 LMS852011:LMS852025 LWO852011:LWO852025 MGK852011:MGK852025 MQG852011:MQG852025 NAC852011:NAC852025 NJY852011:NJY852025 NTU852011:NTU852025 ODQ852011:ODQ852025 ONM852011:ONM852025 OXI852011:OXI852025 PHE852011:PHE852025 PRA852011:PRA852025 QAW852011:QAW852025 QKS852011:QKS852025 QUO852011:QUO852025 REK852011:REK852025 ROG852011:ROG852025 RYC852011:RYC852025 SHY852011:SHY852025 SRU852011:SRU852025 TBQ852011:TBQ852025 TLM852011:TLM852025 TVI852011:TVI852025 UFE852011:UFE852025 UPA852011:UPA852025 UYW852011:UYW852025 VIS852011:VIS852025 VSO852011:VSO852025 WCK852011:WCK852025 WMG852011:WMG852025 WWC852011:WWC852025 U917547:U917561 JQ917547:JQ917561 TM917547:TM917561 ADI917547:ADI917561 ANE917547:ANE917561 AXA917547:AXA917561 BGW917547:BGW917561 BQS917547:BQS917561 CAO917547:CAO917561 CKK917547:CKK917561 CUG917547:CUG917561 DEC917547:DEC917561 DNY917547:DNY917561 DXU917547:DXU917561 EHQ917547:EHQ917561 ERM917547:ERM917561 FBI917547:FBI917561 FLE917547:FLE917561 FVA917547:FVA917561 GEW917547:GEW917561 GOS917547:GOS917561 GYO917547:GYO917561 HIK917547:HIK917561 HSG917547:HSG917561 ICC917547:ICC917561 ILY917547:ILY917561 IVU917547:IVU917561 JFQ917547:JFQ917561 JPM917547:JPM917561 JZI917547:JZI917561 KJE917547:KJE917561 KTA917547:KTA917561 LCW917547:LCW917561 LMS917547:LMS917561 LWO917547:LWO917561 MGK917547:MGK917561 MQG917547:MQG917561 NAC917547:NAC917561 NJY917547:NJY917561 NTU917547:NTU917561 ODQ917547:ODQ917561 ONM917547:ONM917561 OXI917547:OXI917561 PHE917547:PHE917561 PRA917547:PRA917561 QAW917547:QAW917561 QKS917547:QKS917561 QUO917547:QUO917561 REK917547:REK917561 ROG917547:ROG917561 RYC917547:RYC917561 SHY917547:SHY917561 SRU917547:SRU917561 TBQ917547:TBQ917561 TLM917547:TLM917561 TVI917547:TVI917561 UFE917547:UFE917561 UPA917547:UPA917561 UYW917547:UYW917561 VIS917547:VIS917561 VSO917547:VSO917561 WCK917547:WCK917561 WMG917547:WMG917561 WWC917547:WWC917561 U983083:U983097 JQ983083:JQ983097 TM983083:TM983097 ADI983083:ADI983097 ANE983083:ANE983097 AXA983083:AXA983097 BGW983083:BGW983097 BQS983083:BQS983097 CAO983083:CAO983097 CKK983083:CKK983097 CUG983083:CUG983097 DEC983083:DEC983097 DNY983083:DNY983097 DXU983083:DXU983097 EHQ983083:EHQ983097 ERM983083:ERM983097 FBI983083:FBI983097 FLE983083:FLE983097 FVA983083:FVA983097 GEW983083:GEW983097 GOS983083:GOS983097 GYO983083:GYO983097 HIK983083:HIK983097 HSG983083:HSG983097 ICC983083:ICC983097 ILY983083:ILY983097 IVU983083:IVU983097 JFQ983083:JFQ983097 JPM983083:JPM983097 JZI983083:JZI983097 KJE983083:KJE983097 KTA983083:KTA983097 LCW983083:LCW983097 LMS983083:LMS983097 LWO983083:LWO983097 MGK983083:MGK983097 MQG983083:MQG983097 NAC983083:NAC983097 NJY983083:NJY983097 NTU983083:NTU983097 ODQ983083:ODQ983097 ONM983083:ONM983097 OXI983083:OXI983097 PHE983083:PHE983097 PRA983083:PRA983097 QAW983083:QAW983097 QKS983083:QKS983097 QUO983083:QUO983097 REK983083:REK983097 ROG983083:ROG983097 RYC983083:RYC983097 SHY983083:SHY983097 SRU983083:SRU983097 TBQ983083:TBQ983097 TLM983083:TLM983097 TVI983083:TVI983097 UFE983083:UFE983097 UPA983083:UPA983097 UYW983083:UYW983097 VIS983083:VIS983097 VSO983083:VSO983097 WCK983083:WCK983097 WMG983083:WMG983097 WWC983083:WWC983097 X43:X57 JT43:JT57 TP43:TP57 ADL43:ADL57 ANH43:ANH57 AXD43:AXD57 BGZ43:BGZ57 BQV43:BQV57 CAR43:CAR57 CKN43:CKN57 CUJ43:CUJ57 DEF43:DEF57 DOB43:DOB57 DXX43:DXX57 EHT43:EHT57 ERP43:ERP57 FBL43:FBL57 FLH43:FLH57 FVD43:FVD57 GEZ43:GEZ57 GOV43:GOV57 GYR43:GYR57 HIN43:HIN57 HSJ43:HSJ57 ICF43:ICF57 IMB43:IMB57 IVX43:IVX57 JFT43:JFT57 JPP43:JPP57 JZL43:JZL57 KJH43:KJH57 KTD43:KTD57 LCZ43:LCZ57 LMV43:LMV57 LWR43:LWR57 MGN43:MGN57 MQJ43:MQJ57 NAF43:NAF57 NKB43:NKB57 NTX43:NTX57 ODT43:ODT57 ONP43:ONP57 OXL43:OXL57 PHH43:PHH57 PRD43:PRD57 QAZ43:QAZ57 QKV43:QKV57 QUR43:QUR57 REN43:REN57 ROJ43:ROJ57 RYF43:RYF57 SIB43:SIB57 SRX43:SRX57 TBT43:TBT57 TLP43:TLP57 TVL43:TVL57 UFH43:UFH57 UPD43:UPD57 UYZ43:UYZ57 VIV43:VIV57 VSR43:VSR57 WCN43:WCN57 WMJ43:WMJ57 WWF43:WWF57 X65579:X65593 JT65579:JT65593 TP65579:TP65593 ADL65579:ADL65593 ANH65579:ANH65593 AXD65579:AXD65593 BGZ65579:BGZ65593 BQV65579:BQV65593 CAR65579:CAR65593 CKN65579:CKN65593 CUJ65579:CUJ65593 DEF65579:DEF65593 DOB65579:DOB65593 DXX65579:DXX65593 EHT65579:EHT65593 ERP65579:ERP65593 FBL65579:FBL65593 FLH65579:FLH65593 FVD65579:FVD65593 GEZ65579:GEZ65593 GOV65579:GOV65593 GYR65579:GYR65593 HIN65579:HIN65593 HSJ65579:HSJ65593 ICF65579:ICF65593 IMB65579:IMB65593 IVX65579:IVX65593 JFT65579:JFT65593 JPP65579:JPP65593 JZL65579:JZL65593 KJH65579:KJH65593 KTD65579:KTD65593 LCZ65579:LCZ65593 LMV65579:LMV65593 LWR65579:LWR65593 MGN65579:MGN65593 MQJ65579:MQJ65593 NAF65579:NAF65593 NKB65579:NKB65593 NTX65579:NTX65593 ODT65579:ODT65593 ONP65579:ONP65593 OXL65579:OXL65593 PHH65579:PHH65593 PRD65579:PRD65593 QAZ65579:QAZ65593 QKV65579:QKV65593 QUR65579:QUR65593 REN65579:REN65593 ROJ65579:ROJ65593 RYF65579:RYF65593 SIB65579:SIB65593 SRX65579:SRX65593 TBT65579:TBT65593 TLP65579:TLP65593 TVL65579:TVL65593 UFH65579:UFH65593 UPD65579:UPD65593 UYZ65579:UYZ65593 VIV65579:VIV65593 VSR65579:VSR65593 WCN65579:WCN65593 WMJ65579:WMJ65593 WWF65579:WWF65593 X131115:X131129 JT131115:JT131129 TP131115:TP131129 ADL131115:ADL131129 ANH131115:ANH131129 AXD131115:AXD131129 BGZ131115:BGZ131129 BQV131115:BQV131129 CAR131115:CAR131129 CKN131115:CKN131129 CUJ131115:CUJ131129 DEF131115:DEF131129 DOB131115:DOB131129 DXX131115:DXX131129 EHT131115:EHT131129 ERP131115:ERP131129 FBL131115:FBL131129 FLH131115:FLH131129 FVD131115:FVD131129 GEZ131115:GEZ131129 GOV131115:GOV131129 GYR131115:GYR131129 HIN131115:HIN131129 HSJ131115:HSJ131129 ICF131115:ICF131129 IMB131115:IMB131129 IVX131115:IVX131129 JFT131115:JFT131129 JPP131115:JPP131129 JZL131115:JZL131129 KJH131115:KJH131129 KTD131115:KTD131129 LCZ131115:LCZ131129 LMV131115:LMV131129 LWR131115:LWR131129 MGN131115:MGN131129 MQJ131115:MQJ131129 NAF131115:NAF131129 NKB131115:NKB131129 NTX131115:NTX131129 ODT131115:ODT131129 ONP131115:ONP131129 OXL131115:OXL131129 PHH131115:PHH131129 PRD131115:PRD131129 QAZ131115:QAZ131129 QKV131115:QKV131129 QUR131115:QUR131129 REN131115:REN131129 ROJ131115:ROJ131129 RYF131115:RYF131129 SIB131115:SIB131129 SRX131115:SRX131129 TBT131115:TBT131129 TLP131115:TLP131129 TVL131115:TVL131129 UFH131115:UFH131129 UPD131115:UPD131129 UYZ131115:UYZ131129 VIV131115:VIV131129 VSR131115:VSR131129 WCN131115:WCN131129 WMJ131115:WMJ131129 WWF131115:WWF131129 X196651:X196665 JT196651:JT196665 TP196651:TP196665 ADL196651:ADL196665 ANH196651:ANH196665 AXD196651:AXD196665 BGZ196651:BGZ196665 BQV196651:BQV196665 CAR196651:CAR196665 CKN196651:CKN196665 CUJ196651:CUJ196665 DEF196651:DEF196665 DOB196651:DOB196665 DXX196651:DXX196665 EHT196651:EHT196665 ERP196651:ERP196665 FBL196651:FBL196665 FLH196651:FLH196665 FVD196651:FVD196665 GEZ196651:GEZ196665 GOV196651:GOV196665 GYR196651:GYR196665 HIN196651:HIN196665 HSJ196651:HSJ196665 ICF196651:ICF196665 IMB196651:IMB196665 IVX196651:IVX196665 JFT196651:JFT196665 JPP196651:JPP196665 JZL196651:JZL196665 KJH196651:KJH196665 KTD196651:KTD196665 LCZ196651:LCZ196665 LMV196651:LMV196665 LWR196651:LWR196665 MGN196651:MGN196665 MQJ196651:MQJ196665 NAF196651:NAF196665 NKB196651:NKB196665 NTX196651:NTX196665 ODT196651:ODT196665 ONP196651:ONP196665 OXL196651:OXL196665 PHH196651:PHH196665 PRD196651:PRD196665 QAZ196651:QAZ196665 QKV196651:QKV196665 QUR196651:QUR196665 REN196651:REN196665 ROJ196651:ROJ196665 RYF196651:RYF196665 SIB196651:SIB196665 SRX196651:SRX196665 TBT196651:TBT196665 TLP196651:TLP196665 TVL196651:TVL196665 UFH196651:UFH196665 UPD196651:UPD196665 UYZ196651:UYZ196665 VIV196651:VIV196665 VSR196651:VSR196665 WCN196651:WCN196665 WMJ196651:WMJ196665 WWF196651:WWF196665 X262187:X262201 JT262187:JT262201 TP262187:TP262201 ADL262187:ADL262201 ANH262187:ANH262201 AXD262187:AXD262201 BGZ262187:BGZ262201 BQV262187:BQV262201 CAR262187:CAR262201 CKN262187:CKN262201 CUJ262187:CUJ262201 DEF262187:DEF262201 DOB262187:DOB262201 DXX262187:DXX262201 EHT262187:EHT262201 ERP262187:ERP262201 FBL262187:FBL262201 FLH262187:FLH262201 FVD262187:FVD262201 GEZ262187:GEZ262201 GOV262187:GOV262201 GYR262187:GYR262201 HIN262187:HIN262201 HSJ262187:HSJ262201 ICF262187:ICF262201 IMB262187:IMB262201 IVX262187:IVX262201 JFT262187:JFT262201 JPP262187:JPP262201 JZL262187:JZL262201 KJH262187:KJH262201 KTD262187:KTD262201 LCZ262187:LCZ262201 LMV262187:LMV262201 LWR262187:LWR262201 MGN262187:MGN262201 MQJ262187:MQJ262201 NAF262187:NAF262201 NKB262187:NKB262201 NTX262187:NTX262201 ODT262187:ODT262201 ONP262187:ONP262201 OXL262187:OXL262201 PHH262187:PHH262201 PRD262187:PRD262201 QAZ262187:QAZ262201 QKV262187:QKV262201 QUR262187:QUR262201 REN262187:REN262201 ROJ262187:ROJ262201 RYF262187:RYF262201 SIB262187:SIB262201 SRX262187:SRX262201 TBT262187:TBT262201 TLP262187:TLP262201 TVL262187:TVL262201 UFH262187:UFH262201 UPD262187:UPD262201 UYZ262187:UYZ262201 VIV262187:VIV262201 VSR262187:VSR262201 WCN262187:WCN262201 WMJ262187:WMJ262201 WWF262187:WWF262201 X327723:X327737 JT327723:JT327737 TP327723:TP327737 ADL327723:ADL327737 ANH327723:ANH327737 AXD327723:AXD327737 BGZ327723:BGZ327737 BQV327723:BQV327737 CAR327723:CAR327737 CKN327723:CKN327737 CUJ327723:CUJ327737 DEF327723:DEF327737 DOB327723:DOB327737 DXX327723:DXX327737 EHT327723:EHT327737 ERP327723:ERP327737 FBL327723:FBL327737 FLH327723:FLH327737 FVD327723:FVD327737 GEZ327723:GEZ327737 GOV327723:GOV327737 GYR327723:GYR327737 HIN327723:HIN327737 HSJ327723:HSJ327737 ICF327723:ICF327737 IMB327723:IMB327737 IVX327723:IVX327737 JFT327723:JFT327737 JPP327723:JPP327737 JZL327723:JZL327737 KJH327723:KJH327737 KTD327723:KTD327737 LCZ327723:LCZ327737 LMV327723:LMV327737 LWR327723:LWR327737 MGN327723:MGN327737 MQJ327723:MQJ327737 NAF327723:NAF327737 NKB327723:NKB327737 NTX327723:NTX327737 ODT327723:ODT327737 ONP327723:ONP327737 OXL327723:OXL327737 PHH327723:PHH327737 PRD327723:PRD327737 QAZ327723:QAZ327737 QKV327723:QKV327737 QUR327723:QUR327737 REN327723:REN327737 ROJ327723:ROJ327737 RYF327723:RYF327737 SIB327723:SIB327737 SRX327723:SRX327737 TBT327723:TBT327737 TLP327723:TLP327737 TVL327723:TVL327737 UFH327723:UFH327737 UPD327723:UPD327737 UYZ327723:UYZ327737 VIV327723:VIV327737 VSR327723:VSR327737 WCN327723:WCN327737 WMJ327723:WMJ327737 WWF327723:WWF327737 X393259:X393273 JT393259:JT393273 TP393259:TP393273 ADL393259:ADL393273 ANH393259:ANH393273 AXD393259:AXD393273 BGZ393259:BGZ393273 BQV393259:BQV393273 CAR393259:CAR393273 CKN393259:CKN393273 CUJ393259:CUJ393273 DEF393259:DEF393273 DOB393259:DOB393273 DXX393259:DXX393273 EHT393259:EHT393273 ERP393259:ERP393273 FBL393259:FBL393273 FLH393259:FLH393273 FVD393259:FVD393273 GEZ393259:GEZ393273 GOV393259:GOV393273 GYR393259:GYR393273 HIN393259:HIN393273 HSJ393259:HSJ393273 ICF393259:ICF393273 IMB393259:IMB393273 IVX393259:IVX393273 JFT393259:JFT393273 JPP393259:JPP393273 JZL393259:JZL393273 KJH393259:KJH393273 KTD393259:KTD393273 LCZ393259:LCZ393273 LMV393259:LMV393273 LWR393259:LWR393273 MGN393259:MGN393273 MQJ393259:MQJ393273 NAF393259:NAF393273 NKB393259:NKB393273 NTX393259:NTX393273 ODT393259:ODT393273 ONP393259:ONP393273 OXL393259:OXL393273 PHH393259:PHH393273 PRD393259:PRD393273 QAZ393259:QAZ393273 QKV393259:QKV393273 QUR393259:QUR393273 REN393259:REN393273 ROJ393259:ROJ393273 RYF393259:RYF393273 SIB393259:SIB393273 SRX393259:SRX393273 TBT393259:TBT393273 TLP393259:TLP393273 TVL393259:TVL393273 UFH393259:UFH393273 UPD393259:UPD393273 UYZ393259:UYZ393273 VIV393259:VIV393273 VSR393259:VSR393273 WCN393259:WCN393273 WMJ393259:WMJ393273 WWF393259:WWF393273 X458795:X458809 JT458795:JT458809 TP458795:TP458809 ADL458795:ADL458809 ANH458795:ANH458809 AXD458795:AXD458809 BGZ458795:BGZ458809 BQV458795:BQV458809 CAR458795:CAR458809 CKN458795:CKN458809 CUJ458795:CUJ458809 DEF458795:DEF458809 DOB458795:DOB458809 DXX458795:DXX458809 EHT458795:EHT458809 ERP458795:ERP458809 FBL458795:FBL458809 FLH458795:FLH458809 FVD458795:FVD458809 GEZ458795:GEZ458809 GOV458795:GOV458809 GYR458795:GYR458809 HIN458795:HIN458809 HSJ458795:HSJ458809 ICF458795:ICF458809 IMB458795:IMB458809 IVX458795:IVX458809 JFT458795:JFT458809 JPP458795:JPP458809 JZL458795:JZL458809 KJH458795:KJH458809 KTD458795:KTD458809 LCZ458795:LCZ458809 LMV458795:LMV458809 LWR458795:LWR458809 MGN458795:MGN458809 MQJ458795:MQJ458809 NAF458795:NAF458809 NKB458795:NKB458809 NTX458795:NTX458809 ODT458795:ODT458809 ONP458795:ONP458809 OXL458795:OXL458809 PHH458795:PHH458809 PRD458795:PRD458809 QAZ458795:QAZ458809 QKV458795:QKV458809 QUR458795:QUR458809 REN458795:REN458809 ROJ458795:ROJ458809 RYF458795:RYF458809 SIB458795:SIB458809 SRX458795:SRX458809 TBT458795:TBT458809 TLP458795:TLP458809 TVL458795:TVL458809 UFH458795:UFH458809 UPD458795:UPD458809 UYZ458795:UYZ458809 VIV458795:VIV458809 VSR458795:VSR458809 WCN458795:WCN458809 WMJ458795:WMJ458809 WWF458795:WWF458809 X524331:X524345 JT524331:JT524345 TP524331:TP524345 ADL524331:ADL524345 ANH524331:ANH524345 AXD524331:AXD524345 BGZ524331:BGZ524345 BQV524331:BQV524345 CAR524331:CAR524345 CKN524331:CKN524345 CUJ524331:CUJ524345 DEF524331:DEF524345 DOB524331:DOB524345 DXX524331:DXX524345 EHT524331:EHT524345 ERP524331:ERP524345 FBL524331:FBL524345 FLH524331:FLH524345 FVD524331:FVD524345 GEZ524331:GEZ524345 GOV524331:GOV524345 GYR524331:GYR524345 HIN524331:HIN524345 HSJ524331:HSJ524345 ICF524331:ICF524345 IMB524331:IMB524345 IVX524331:IVX524345 JFT524331:JFT524345 JPP524331:JPP524345 JZL524331:JZL524345 KJH524331:KJH524345 KTD524331:KTD524345 LCZ524331:LCZ524345 LMV524331:LMV524345 LWR524331:LWR524345 MGN524331:MGN524345 MQJ524331:MQJ524345 NAF524331:NAF524345 NKB524331:NKB524345 NTX524331:NTX524345 ODT524331:ODT524345 ONP524331:ONP524345 OXL524331:OXL524345 PHH524331:PHH524345 PRD524331:PRD524345 QAZ524331:QAZ524345 QKV524331:QKV524345 QUR524331:QUR524345 REN524331:REN524345 ROJ524331:ROJ524345 RYF524331:RYF524345 SIB524331:SIB524345 SRX524331:SRX524345 TBT524331:TBT524345 TLP524331:TLP524345 TVL524331:TVL524345 UFH524331:UFH524345 UPD524331:UPD524345 UYZ524331:UYZ524345 VIV524331:VIV524345 VSR524331:VSR524345 WCN524331:WCN524345 WMJ524331:WMJ524345 WWF524331:WWF524345 X589867:X589881 JT589867:JT589881 TP589867:TP589881 ADL589867:ADL589881 ANH589867:ANH589881 AXD589867:AXD589881 BGZ589867:BGZ589881 BQV589867:BQV589881 CAR589867:CAR589881 CKN589867:CKN589881 CUJ589867:CUJ589881 DEF589867:DEF589881 DOB589867:DOB589881 DXX589867:DXX589881 EHT589867:EHT589881 ERP589867:ERP589881 FBL589867:FBL589881 FLH589867:FLH589881 FVD589867:FVD589881 GEZ589867:GEZ589881 GOV589867:GOV589881 GYR589867:GYR589881 HIN589867:HIN589881 HSJ589867:HSJ589881 ICF589867:ICF589881 IMB589867:IMB589881 IVX589867:IVX589881 JFT589867:JFT589881 JPP589867:JPP589881 JZL589867:JZL589881 KJH589867:KJH589881 KTD589867:KTD589881 LCZ589867:LCZ589881 LMV589867:LMV589881 LWR589867:LWR589881 MGN589867:MGN589881 MQJ589867:MQJ589881 NAF589867:NAF589881 NKB589867:NKB589881 NTX589867:NTX589881 ODT589867:ODT589881 ONP589867:ONP589881 OXL589867:OXL589881 PHH589867:PHH589881 PRD589867:PRD589881 QAZ589867:QAZ589881 QKV589867:QKV589881 QUR589867:QUR589881 REN589867:REN589881 ROJ589867:ROJ589881 RYF589867:RYF589881 SIB589867:SIB589881 SRX589867:SRX589881 TBT589867:TBT589881 TLP589867:TLP589881 TVL589867:TVL589881 UFH589867:UFH589881 UPD589867:UPD589881 UYZ589867:UYZ589881 VIV589867:VIV589881 VSR589867:VSR589881 WCN589867:WCN589881 WMJ589867:WMJ589881 WWF589867:WWF589881 X655403:X655417 JT655403:JT655417 TP655403:TP655417 ADL655403:ADL655417 ANH655403:ANH655417 AXD655403:AXD655417 BGZ655403:BGZ655417 BQV655403:BQV655417 CAR655403:CAR655417 CKN655403:CKN655417 CUJ655403:CUJ655417 DEF655403:DEF655417 DOB655403:DOB655417 DXX655403:DXX655417 EHT655403:EHT655417 ERP655403:ERP655417 FBL655403:FBL655417 FLH655403:FLH655417 FVD655403:FVD655417 GEZ655403:GEZ655417 GOV655403:GOV655417 GYR655403:GYR655417 HIN655403:HIN655417 HSJ655403:HSJ655417 ICF655403:ICF655417 IMB655403:IMB655417 IVX655403:IVX655417 JFT655403:JFT655417 JPP655403:JPP655417 JZL655403:JZL655417 KJH655403:KJH655417 KTD655403:KTD655417 LCZ655403:LCZ655417 LMV655403:LMV655417 LWR655403:LWR655417 MGN655403:MGN655417 MQJ655403:MQJ655417 NAF655403:NAF655417 NKB655403:NKB655417 NTX655403:NTX655417 ODT655403:ODT655417 ONP655403:ONP655417 OXL655403:OXL655417 PHH655403:PHH655417 PRD655403:PRD655417 QAZ655403:QAZ655417 QKV655403:QKV655417 QUR655403:QUR655417 REN655403:REN655417 ROJ655403:ROJ655417 RYF655403:RYF655417 SIB655403:SIB655417 SRX655403:SRX655417 TBT655403:TBT655417 TLP655403:TLP655417 TVL655403:TVL655417 UFH655403:UFH655417 UPD655403:UPD655417 UYZ655403:UYZ655417 VIV655403:VIV655417 VSR655403:VSR655417 WCN655403:WCN655417 WMJ655403:WMJ655417 WWF655403:WWF655417 X720939:X720953 JT720939:JT720953 TP720939:TP720953 ADL720939:ADL720953 ANH720939:ANH720953 AXD720939:AXD720953 BGZ720939:BGZ720953 BQV720939:BQV720953 CAR720939:CAR720953 CKN720939:CKN720953 CUJ720939:CUJ720953 DEF720939:DEF720953 DOB720939:DOB720953 DXX720939:DXX720953 EHT720939:EHT720953 ERP720939:ERP720953 FBL720939:FBL720953 FLH720939:FLH720953 FVD720939:FVD720953 GEZ720939:GEZ720953 GOV720939:GOV720953 GYR720939:GYR720953 HIN720939:HIN720953 HSJ720939:HSJ720953 ICF720939:ICF720953 IMB720939:IMB720953 IVX720939:IVX720953 JFT720939:JFT720953 JPP720939:JPP720953 JZL720939:JZL720953 KJH720939:KJH720953 KTD720939:KTD720953 LCZ720939:LCZ720953 LMV720939:LMV720953 LWR720939:LWR720953 MGN720939:MGN720953 MQJ720939:MQJ720953 NAF720939:NAF720953 NKB720939:NKB720953 NTX720939:NTX720953 ODT720939:ODT720953 ONP720939:ONP720953 OXL720939:OXL720953 PHH720939:PHH720953 PRD720939:PRD720953 QAZ720939:QAZ720953 QKV720939:QKV720953 QUR720939:QUR720953 REN720939:REN720953 ROJ720939:ROJ720953 RYF720939:RYF720953 SIB720939:SIB720953 SRX720939:SRX720953 TBT720939:TBT720953 TLP720939:TLP720953 TVL720939:TVL720953 UFH720939:UFH720953 UPD720939:UPD720953 UYZ720939:UYZ720953 VIV720939:VIV720953 VSR720939:VSR720953 WCN720939:WCN720953 WMJ720939:WMJ720953 WWF720939:WWF720953 X786475:X786489 JT786475:JT786489 TP786475:TP786489 ADL786475:ADL786489 ANH786475:ANH786489 AXD786475:AXD786489 BGZ786475:BGZ786489 BQV786475:BQV786489 CAR786475:CAR786489 CKN786475:CKN786489 CUJ786475:CUJ786489 DEF786475:DEF786489 DOB786475:DOB786489 DXX786475:DXX786489 EHT786475:EHT786489 ERP786475:ERP786489 FBL786475:FBL786489 FLH786475:FLH786489 FVD786475:FVD786489 GEZ786475:GEZ786489 GOV786475:GOV786489 GYR786475:GYR786489 HIN786475:HIN786489 HSJ786475:HSJ786489 ICF786475:ICF786489 IMB786475:IMB786489 IVX786475:IVX786489 JFT786475:JFT786489 JPP786475:JPP786489 JZL786475:JZL786489 KJH786475:KJH786489 KTD786475:KTD786489 LCZ786475:LCZ786489 LMV786475:LMV786489 LWR786475:LWR786489 MGN786475:MGN786489 MQJ786475:MQJ786489 NAF786475:NAF786489 NKB786475:NKB786489 NTX786475:NTX786489 ODT786475:ODT786489 ONP786475:ONP786489 OXL786475:OXL786489 PHH786475:PHH786489 PRD786475:PRD786489 QAZ786475:QAZ786489 QKV786475:QKV786489 QUR786475:QUR786489 REN786475:REN786489 ROJ786475:ROJ786489 RYF786475:RYF786489 SIB786475:SIB786489 SRX786475:SRX786489 TBT786475:TBT786489 TLP786475:TLP786489 TVL786475:TVL786489 UFH786475:UFH786489 UPD786475:UPD786489 UYZ786475:UYZ786489 VIV786475:VIV786489 VSR786475:VSR786489 WCN786475:WCN786489 WMJ786475:WMJ786489 WWF786475:WWF786489 X852011:X852025 JT852011:JT852025 TP852011:TP852025 ADL852011:ADL852025 ANH852011:ANH852025 AXD852011:AXD852025 BGZ852011:BGZ852025 BQV852011:BQV852025 CAR852011:CAR852025 CKN852011:CKN852025 CUJ852011:CUJ852025 DEF852011:DEF852025 DOB852011:DOB852025 DXX852011:DXX852025 EHT852011:EHT852025 ERP852011:ERP852025 FBL852011:FBL852025 FLH852011:FLH852025 FVD852011:FVD852025 GEZ852011:GEZ852025 GOV852011:GOV852025 GYR852011:GYR852025 HIN852011:HIN852025 HSJ852011:HSJ852025 ICF852011:ICF852025 IMB852011:IMB852025 IVX852011:IVX852025 JFT852011:JFT852025 JPP852011:JPP852025 JZL852011:JZL852025 KJH852011:KJH852025 KTD852011:KTD852025 LCZ852011:LCZ852025 LMV852011:LMV852025 LWR852011:LWR852025 MGN852011:MGN852025 MQJ852011:MQJ852025 NAF852011:NAF852025 NKB852011:NKB852025 NTX852011:NTX852025 ODT852011:ODT852025 ONP852011:ONP852025 OXL852011:OXL852025 PHH852011:PHH852025 PRD852011:PRD852025 QAZ852011:QAZ852025 QKV852011:QKV852025 QUR852011:QUR852025 REN852011:REN852025 ROJ852011:ROJ852025 RYF852011:RYF852025 SIB852011:SIB852025 SRX852011:SRX852025 TBT852011:TBT852025 TLP852011:TLP852025 TVL852011:TVL852025 UFH852011:UFH852025 UPD852011:UPD852025 UYZ852011:UYZ852025 VIV852011:VIV852025 VSR852011:VSR852025 WCN852011:WCN852025 WMJ852011:WMJ852025 WWF852011:WWF852025 X917547:X917561 JT917547:JT917561 TP917547:TP917561 ADL917547:ADL917561 ANH917547:ANH917561 AXD917547:AXD917561 BGZ917547:BGZ917561 BQV917547:BQV917561 CAR917547:CAR917561 CKN917547:CKN917561 CUJ917547:CUJ917561 DEF917547:DEF917561 DOB917547:DOB917561 DXX917547:DXX917561 EHT917547:EHT917561 ERP917547:ERP917561 FBL917547:FBL917561 FLH917547:FLH917561 FVD917547:FVD917561 GEZ917547:GEZ917561 GOV917547:GOV917561 GYR917547:GYR917561 HIN917547:HIN917561 HSJ917547:HSJ917561 ICF917547:ICF917561 IMB917547:IMB917561 IVX917547:IVX917561 JFT917547:JFT917561 JPP917547:JPP917561 JZL917547:JZL917561 KJH917547:KJH917561 KTD917547:KTD917561 LCZ917547:LCZ917561 LMV917547:LMV917561 LWR917547:LWR917561 MGN917547:MGN917561 MQJ917547:MQJ917561 NAF917547:NAF917561 NKB917547:NKB917561 NTX917547:NTX917561 ODT917547:ODT917561 ONP917547:ONP917561 OXL917547:OXL917561 PHH917547:PHH917561 PRD917547:PRD917561 QAZ917547:QAZ917561 QKV917547:QKV917561 QUR917547:QUR917561 REN917547:REN917561 ROJ917547:ROJ917561 RYF917547:RYF917561 SIB917547:SIB917561 SRX917547:SRX917561 TBT917547:TBT917561 TLP917547:TLP917561 TVL917547:TVL917561 UFH917547:UFH917561 UPD917547:UPD917561 UYZ917547:UYZ917561 VIV917547:VIV917561 VSR917547:VSR917561 WCN917547:WCN917561 WMJ917547:WMJ917561 WWF917547:WWF917561 X983083:X983097 JT983083:JT983097 TP983083:TP983097 ADL983083:ADL983097 ANH983083:ANH983097 AXD983083:AXD983097 BGZ983083:BGZ983097 BQV983083:BQV983097 CAR983083:CAR983097 CKN983083:CKN983097 CUJ983083:CUJ983097 DEF983083:DEF983097 DOB983083:DOB983097 DXX983083:DXX983097 EHT983083:EHT983097 ERP983083:ERP983097 FBL983083:FBL983097 FLH983083:FLH983097 FVD983083:FVD983097 GEZ983083:GEZ983097 GOV983083:GOV983097 GYR983083:GYR983097 HIN983083:HIN983097 HSJ983083:HSJ983097 ICF983083:ICF983097 IMB983083:IMB983097 IVX983083:IVX983097 JFT983083:JFT983097 JPP983083:JPP983097 JZL983083:JZL983097 KJH983083:KJH983097 KTD983083:KTD983097 LCZ983083:LCZ983097 LMV983083:LMV983097 LWR983083:LWR983097 MGN983083:MGN983097 MQJ983083:MQJ983097 NAF983083:NAF983097 NKB983083:NKB983097 NTX983083:NTX983097 ODT983083:ODT983097 ONP983083:ONP983097 OXL983083:OXL983097 PHH983083:PHH983097 PRD983083:PRD983097 QAZ983083:QAZ983097 QKV983083:QKV983097 QUR983083:QUR983097 REN983083:REN983097 ROJ983083:ROJ983097 RYF983083:RYF983097 SIB983083:SIB983097 SRX983083:SRX983097 TBT983083:TBT983097 TLP983083:TLP983097 TVL983083:TVL983097 UFH983083:UFH983097 UPD983083:UPD983097 UYZ983083:UYZ983097 VIV983083:VIV983097 VSR983083:VSR983097 WCN983083:WCN983097 WMJ983083:WMJ983097 WWF983083:WWF983097 AI43:AI55 KE43:KE55 UA43:UA55 ADW43:ADW55 ANS43:ANS55 AXO43:AXO55 BHK43:BHK55 BRG43:BRG55 CBC43:CBC55 CKY43:CKY55 CUU43:CUU55 DEQ43:DEQ55 DOM43:DOM55 DYI43:DYI55 EIE43:EIE55 ESA43:ESA55 FBW43:FBW55 FLS43:FLS55 FVO43:FVO55 GFK43:GFK55 GPG43:GPG55 GZC43:GZC55 HIY43:HIY55 HSU43:HSU55 ICQ43:ICQ55 IMM43:IMM55 IWI43:IWI55 JGE43:JGE55 JQA43:JQA55 JZW43:JZW55 KJS43:KJS55 KTO43:KTO55 LDK43:LDK55 LNG43:LNG55 LXC43:LXC55 MGY43:MGY55 MQU43:MQU55 NAQ43:NAQ55 NKM43:NKM55 NUI43:NUI55 OEE43:OEE55 OOA43:OOA55 OXW43:OXW55 PHS43:PHS55 PRO43:PRO55 QBK43:QBK55 QLG43:QLG55 QVC43:QVC55 REY43:REY55 ROU43:ROU55 RYQ43:RYQ55 SIM43:SIM55 SSI43:SSI55 TCE43:TCE55 TMA43:TMA55 TVW43:TVW55 UFS43:UFS55 UPO43:UPO55 UZK43:UZK55 VJG43:VJG55 VTC43:VTC55 WCY43:WCY55 WMU43:WMU55 WWQ43:WWQ55 AI65579:AI65591 KE65579:KE65591 UA65579:UA65591 ADW65579:ADW65591 ANS65579:ANS65591 AXO65579:AXO65591 BHK65579:BHK65591 BRG65579:BRG65591 CBC65579:CBC65591 CKY65579:CKY65591 CUU65579:CUU65591 DEQ65579:DEQ65591 DOM65579:DOM65591 DYI65579:DYI65591 EIE65579:EIE65591 ESA65579:ESA65591 FBW65579:FBW65591 FLS65579:FLS65591 FVO65579:FVO65591 GFK65579:GFK65591 GPG65579:GPG65591 GZC65579:GZC65591 HIY65579:HIY65591 HSU65579:HSU65591 ICQ65579:ICQ65591 IMM65579:IMM65591 IWI65579:IWI65591 JGE65579:JGE65591 JQA65579:JQA65591 JZW65579:JZW65591 KJS65579:KJS65591 KTO65579:KTO65591 LDK65579:LDK65591 LNG65579:LNG65591 LXC65579:LXC65591 MGY65579:MGY65591 MQU65579:MQU65591 NAQ65579:NAQ65591 NKM65579:NKM65591 NUI65579:NUI65591 OEE65579:OEE65591 OOA65579:OOA65591 OXW65579:OXW65591 PHS65579:PHS65591 PRO65579:PRO65591 QBK65579:QBK65591 QLG65579:QLG65591 QVC65579:QVC65591 REY65579:REY65591 ROU65579:ROU65591 RYQ65579:RYQ65591 SIM65579:SIM65591 SSI65579:SSI65591 TCE65579:TCE65591 TMA65579:TMA65591 TVW65579:TVW65591 UFS65579:UFS65591 UPO65579:UPO65591 UZK65579:UZK65591 VJG65579:VJG65591 VTC65579:VTC65591 WCY65579:WCY65591 WMU65579:WMU65591 WWQ65579:WWQ65591 AI131115:AI131127 KE131115:KE131127 UA131115:UA131127 ADW131115:ADW131127 ANS131115:ANS131127 AXO131115:AXO131127 BHK131115:BHK131127 BRG131115:BRG131127 CBC131115:CBC131127 CKY131115:CKY131127 CUU131115:CUU131127 DEQ131115:DEQ131127 DOM131115:DOM131127 DYI131115:DYI131127 EIE131115:EIE131127 ESA131115:ESA131127 FBW131115:FBW131127 FLS131115:FLS131127 FVO131115:FVO131127 GFK131115:GFK131127 GPG131115:GPG131127 GZC131115:GZC131127 HIY131115:HIY131127 HSU131115:HSU131127 ICQ131115:ICQ131127 IMM131115:IMM131127 IWI131115:IWI131127 JGE131115:JGE131127 JQA131115:JQA131127 JZW131115:JZW131127 KJS131115:KJS131127 KTO131115:KTO131127 LDK131115:LDK131127 LNG131115:LNG131127 LXC131115:LXC131127 MGY131115:MGY131127 MQU131115:MQU131127 NAQ131115:NAQ131127 NKM131115:NKM131127 NUI131115:NUI131127 OEE131115:OEE131127 OOA131115:OOA131127 OXW131115:OXW131127 PHS131115:PHS131127 PRO131115:PRO131127 QBK131115:QBK131127 QLG131115:QLG131127 QVC131115:QVC131127 REY131115:REY131127 ROU131115:ROU131127 RYQ131115:RYQ131127 SIM131115:SIM131127 SSI131115:SSI131127 TCE131115:TCE131127 TMA131115:TMA131127 TVW131115:TVW131127 UFS131115:UFS131127 UPO131115:UPO131127 UZK131115:UZK131127 VJG131115:VJG131127 VTC131115:VTC131127 WCY131115:WCY131127 WMU131115:WMU131127 WWQ131115:WWQ131127 AI196651:AI196663 KE196651:KE196663 UA196651:UA196663 ADW196651:ADW196663 ANS196651:ANS196663 AXO196651:AXO196663 BHK196651:BHK196663 BRG196651:BRG196663 CBC196651:CBC196663 CKY196651:CKY196663 CUU196651:CUU196663 DEQ196651:DEQ196663 DOM196651:DOM196663 DYI196651:DYI196663 EIE196651:EIE196663 ESA196651:ESA196663 FBW196651:FBW196663 FLS196651:FLS196663 FVO196651:FVO196663 GFK196651:GFK196663 GPG196651:GPG196663 GZC196651:GZC196663 HIY196651:HIY196663 HSU196651:HSU196663 ICQ196651:ICQ196663 IMM196651:IMM196663 IWI196651:IWI196663 JGE196651:JGE196663 JQA196651:JQA196663 JZW196651:JZW196663 KJS196651:KJS196663 KTO196651:KTO196663 LDK196651:LDK196663 LNG196651:LNG196663 LXC196651:LXC196663 MGY196651:MGY196663 MQU196651:MQU196663 NAQ196651:NAQ196663 NKM196651:NKM196663 NUI196651:NUI196663 OEE196651:OEE196663 OOA196651:OOA196663 OXW196651:OXW196663 PHS196651:PHS196663 PRO196651:PRO196663 QBK196651:QBK196663 QLG196651:QLG196663 QVC196651:QVC196663 REY196651:REY196663 ROU196651:ROU196663 RYQ196651:RYQ196663 SIM196651:SIM196663 SSI196651:SSI196663 TCE196651:TCE196663 TMA196651:TMA196663 TVW196651:TVW196663 UFS196651:UFS196663 UPO196651:UPO196663 UZK196651:UZK196663 VJG196651:VJG196663 VTC196651:VTC196663 WCY196651:WCY196663 WMU196651:WMU196663 WWQ196651:WWQ196663 AI262187:AI262199 KE262187:KE262199 UA262187:UA262199 ADW262187:ADW262199 ANS262187:ANS262199 AXO262187:AXO262199 BHK262187:BHK262199 BRG262187:BRG262199 CBC262187:CBC262199 CKY262187:CKY262199 CUU262187:CUU262199 DEQ262187:DEQ262199 DOM262187:DOM262199 DYI262187:DYI262199 EIE262187:EIE262199 ESA262187:ESA262199 FBW262187:FBW262199 FLS262187:FLS262199 FVO262187:FVO262199 GFK262187:GFK262199 GPG262187:GPG262199 GZC262187:GZC262199 HIY262187:HIY262199 HSU262187:HSU262199 ICQ262187:ICQ262199 IMM262187:IMM262199 IWI262187:IWI262199 JGE262187:JGE262199 JQA262187:JQA262199 JZW262187:JZW262199 KJS262187:KJS262199 KTO262187:KTO262199 LDK262187:LDK262199 LNG262187:LNG262199 LXC262187:LXC262199 MGY262187:MGY262199 MQU262187:MQU262199 NAQ262187:NAQ262199 NKM262187:NKM262199 NUI262187:NUI262199 OEE262187:OEE262199 OOA262187:OOA262199 OXW262187:OXW262199 PHS262187:PHS262199 PRO262187:PRO262199 QBK262187:QBK262199 QLG262187:QLG262199 QVC262187:QVC262199 REY262187:REY262199 ROU262187:ROU262199 RYQ262187:RYQ262199 SIM262187:SIM262199 SSI262187:SSI262199 TCE262187:TCE262199 TMA262187:TMA262199 TVW262187:TVW262199 UFS262187:UFS262199 UPO262187:UPO262199 UZK262187:UZK262199 VJG262187:VJG262199 VTC262187:VTC262199 WCY262187:WCY262199 WMU262187:WMU262199 WWQ262187:WWQ262199 AI327723:AI327735 KE327723:KE327735 UA327723:UA327735 ADW327723:ADW327735 ANS327723:ANS327735 AXO327723:AXO327735 BHK327723:BHK327735 BRG327723:BRG327735 CBC327723:CBC327735 CKY327723:CKY327735 CUU327723:CUU327735 DEQ327723:DEQ327735 DOM327723:DOM327735 DYI327723:DYI327735 EIE327723:EIE327735 ESA327723:ESA327735 FBW327723:FBW327735 FLS327723:FLS327735 FVO327723:FVO327735 GFK327723:GFK327735 GPG327723:GPG327735 GZC327723:GZC327735 HIY327723:HIY327735 HSU327723:HSU327735 ICQ327723:ICQ327735 IMM327723:IMM327735 IWI327723:IWI327735 JGE327723:JGE327735 JQA327723:JQA327735 JZW327723:JZW327735 KJS327723:KJS327735 KTO327723:KTO327735 LDK327723:LDK327735 LNG327723:LNG327735 LXC327723:LXC327735 MGY327723:MGY327735 MQU327723:MQU327735 NAQ327723:NAQ327735 NKM327723:NKM327735 NUI327723:NUI327735 OEE327723:OEE327735 OOA327723:OOA327735 OXW327723:OXW327735 PHS327723:PHS327735 PRO327723:PRO327735 QBK327723:QBK327735 QLG327723:QLG327735 QVC327723:QVC327735 REY327723:REY327735 ROU327723:ROU327735 RYQ327723:RYQ327735 SIM327723:SIM327735 SSI327723:SSI327735 TCE327723:TCE327735 TMA327723:TMA327735 TVW327723:TVW327735 UFS327723:UFS327735 UPO327723:UPO327735 UZK327723:UZK327735 VJG327723:VJG327735 VTC327723:VTC327735 WCY327723:WCY327735 WMU327723:WMU327735 WWQ327723:WWQ327735 AI393259:AI393271 KE393259:KE393271 UA393259:UA393271 ADW393259:ADW393271 ANS393259:ANS393271 AXO393259:AXO393271 BHK393259:BHK393271 BRG393259:BRG393271 CBC393259:CBC393271 CKY393259:CKY393271 CUU393259:CUU393271 DEQ393259:DEQ393271 DOM393259:DOM393271 DYI393259:DYI393271 EIE393259:EIE393271 ESA393259:ESA393271 FBW393259:FBW393271 FLS393259:FLS393271 FVO393259:FVO393271 GFK393259:GFK393271 GPG393259:GPG393271 GZC393259:GZC393271 HIY393259:HIY393271 HSU393259:HSU393271 ICQ393259:ICQ393271 IMM393259:IMM393271 IWI393259:IWI393271 JGE393259:JGE393271 JQA393259:JQA393271 JZW393259:JZW393271 KJS393259:KJS393271 KTO393259:KTO393271 LDK393259:LDK393271 LNG393259:LNG393271 LXC393259:LXC393271 MGY393259:MGY393271 MQU393259:MQU393271 NAQ393259:NAQ393271 NKM393259:NKM393271 NUI393259:NUI393271 OEE393259:OEE393271 OOA393259:OOA393271 OXW393259:OXW393271 PHS393259:PHS393271 PRO393259:PRO393271 QBK393259:QBK393271 QLG393259:QLG393271 QVC393259:QVC393271 REY393259:REY393271 ROU393259:ROU393271 RYQ393259:RYQ393271 SIM393259:SIM393271 SSI393259:SSI393271 TCE393259:TCE393271 TMA393259:TMA393271 TVW393259:TVW393271 UFS393259:UFS393271 UPO393259:UPO393271 UZK393259:UZK393271 VJG393259:VJG393271 VTC393259:VTC393271 WCY393259:WCY393271 WMU393259:WMU393271 WWQ393259:WWQ393271 AI458795:AI458807 KE458795:KE458807 UA458795:UA458807 ADW458795:ADW458807 ANS458795:ANS458807 AXO458795:AXO458807 BHK458795:BHK458807 BRG458795:BRG458807 CBC458795:CBC458807 CKY458795:CKY458807 CUU458795:CUU458807 DEQ458795:DEQ458807 DOM458795:DOM458807 DYI458795:DYI458807 EIE458795:EIE458807 ESA458795:ESA458807 FBW458795:FBW458807 FLS458795:FLS458807 FVO458795:FVO458807 GFK458795:GFK458807 GPG458795:GPG458807 GZC458795:GZC458807 HIY458795:HIY458807 HSU458795:HSU458807 ICQ458795:ICQ458807 IMM458795:IMM458807 IWI458795:IWI458807 JGE458795:JGE458807 JQA458795:JQA458807 JZW458795:JZW458807 KJS458795:KJS458807 KTO458795:KTO458807 LDK458795:LDK458807 LNG458795:LNG458807 LXC458795:LXC458807 MGY458795:MGY458807 MQU458795:MQU458807 NAQ458795:NAQ458807 NKM458795:NKM458807 NUI458795:NUI458807 OEE458795:OEE458807 OOA458795:OOA458807 OXW458795:OXW458807 PHS458795:PHS458807 PRO458795:PRO458807 QBK458795:QBK458807 QLG458795:QLG458807 QVC458795:QVC458807 REY458795:REY458807 ROU458795:ROU458807 RYQ458795:RYQ458807 SIM458795:SIM458807 SSI458795:SSI458807 TCE458795:TCE458807 TMA458795:TMA458807 TVW458795:TVW458807 UFS458795:UFS458807 UPO458795:UPO458807 UZK458795:UZK458807 VJG458795:VJG458807 VTC458795:VTC458807 WCY458795:WCY458807 WMU458795:WMU458807 WWQ458795:WWQ458807 AI524331:AI524343 KE524331:KE524343 UA524331:UA524343 ADW524331:ADW524343 ANS524331:ANS524343 AXO524331:AXO524343 BHK524331:BHK524343 BRG524331:BRG524343 CBC524331:CBC524343 CKY524331:CKY524343 CUU524331:CUU524343 DEQ524331:DEQ524343 DOM524331:DOM524343 DYI524331:DYI524343 EIE524331:EIE524343 ESA524331:ESA524343 FBW524331:FBW524343 FLS524331:FLS524343 FVO524331:FVO524343 GFK524331:GFK524343 GPG524331:GPG524343 GZC524331:GZC524343 HIY524331:HIY524343 HSU524331:HSU524343 ICQ524331:ICQ524343 IMM524331:IMM524343 IWI524331:IWI524343 JGE524331:JGE524343 JQA524331:JQA524343 JZW524331:JZW524343 KJS524331:KJS524343 KTO524331:KTO524343 LDK524331:LDK524343 LNG524331:LNG524343 LXC524331:LXC524343 MGY524331:MGY524343 MQU524331:MQU524343 NAQ524331:NAQ524343 NKM524331:NKM524343 NUI524331:NUI524343 OEE524331:OEE524343 OOA524331:OOA524343 OXW524331:OXW524343 PHS524331:PHS524343 PRO524331:PRO524343 QBK524331:QBK524343 QLG524331:QLG524343 QVC524331:QVC524343 REY524331:REY524343 ROU524331:ROU524343 RYQ524331:RYQ524343 SIM524331:SIM524343 SSI524331:SSI524343 TCE524331:TCE524343 TMA524331:TMA524343 TVW524331:TVW524343 UFS524331:UFS524343 UPO524331:UPO524343 UZK524331:UZK524343 VJG524331:VJG524343 VTC524331:VTC524343 WCY524331:WCY524343 WMU524331:WMU524343 WWQ524331:WWQ524343 AI589867:AI589879 KE589867:KE589879 UA589867:UA589879 ADW589867:ADW589879 ANS589867:ANS589879 AXO589867:AXO589879 BHK589867:BHK589879 BRG589867:BRG589879 CBC589867:CBC589879 CKY589867:CKY589879 CUU589867:CUU589879 DEQ589867:DEQ589879 DOM589867:DOM589879 DYI589867:DYI589879 EIE589867:EIE589879 ESA589867:ESA589879 FBW589867:FBW589879 FLS589867:FLS589879 FVO589867:FVO589879 GFK589867:GFK589879 GPG589867:GPG589879 GZC589867:GZC589879 HIY589867:HIY589879 HSU589867:HSU589879 ICQ589867:ICQ589879 IMM589867:IMM589879 IWI589867:IWI589879 JGE589867:JGE589879 JQA589867:JQA589879 JZW589867:JZW589879 KJS589867:KJS589879 KTO589867:KTO589879 LDK589867:LDK589879 LNG589867:LNG589879 LXC589867:LXC589879 MGY589867:MGY589879 MQU589867:MQU589879 NAQ589867:NAQ589879 NKM589867:NKM589879 NUI589867:NUI589879 OEE589867:OEE589879 OOA589867:OOA589879 OXW589867:OXW589879 PHS589867:PHS589879 PRO589867:PRO589879 QBK589867:QBK589879 QLG589867:QLG589879 QVC589867:QVC589879 REY589867:REY589879 ROU589867:ROU589879 RYQ589867:RYQ589879 SIM589867:SIM589879 SSI589867:SSI589879 TCE589867:TCE589879 TMA589867:TMA589879 TVW589867:TVW589879 UFS589867:UFS589879 UPO589867:UPO589879 UZK589867:UZK589879 VJG589867:VJG589879 VTC589867:VTC589879 WCY589867:WCY589879 WMU589867:WMU589879 WWQ589867:WWQ589879 AI655403:AI655415 KE655403:KE655415 UA655403:UA655415 ADW655403:ADW655415 ANS655403:ANS655415 AXO655403:AXO655415 BHK655403:BHK655415 BRG655403:BRG655415 CBC655403:CBC655415 CKY655403:CKY655415 CUU655403:CUU655415 DEQ655403:DEQ655415 DOM655403:DOM655415 DYI655403:DYI655415 EIE655403:EIE655415 ESA655403:ESA655415 FBW655403:FBW655415 FLS655403:FLS655415 FVO655403:FVO655415 GFK655403:GFK655415 GPG655403:GPG655415 GZC655403:GZC655415 HIY655403:HIY655415 HSU655403:HSU655415 ICQ655403:ICQ655415 IMM655403:IMM655415 IWI655403:IWI655415 JGE655403:JGE655415 JQA655403:JQA655415 JZW655403:JZW655415 KJS655403:KJS655415 KTO655403:KTO655415 LDK655403:LDK655415 LNG655403:LNG655415 LXC655403:LXC655415 MGY655403:MGY655415 MQU655403:MQU655415 NAQ655403:NAQ655415 NKM655403:NKM655415 NUI655403:NUI655415 OEE655403:OEE655415 OOA655403:OOA655415 OXW655403:OXW655415 PHS655403:PHS655415 PRO655403:PRO655415 QBK655403:QBK655415 QLG655403:QLG655415 QVC655403:QVC655415 REY655403:REY655415 ROU655403:ROU655415 RYQ655403:RYQ655415 SIM655403:SIM655415 SSI655403:SSI655415 TCE655403:TCE655415 TMA655403:TMA655415 TVW655403:TVW655415 UFS655403:UFS655415 UPO655403:UPO655415 UZK655403:UZK655415 VJG655403:VJG655415 VTC655403:VTC655415 WCY655403:WCY655415 WMU655403:WMU655415 WWQ655403:WWQ655415 AI720939:AI720951 KE720939:KE720951 UA720939:UA720951 ADW720939:ADW720951 ANS720939:ANS720951 AXO720939:AXO720951 BHK720939:BHK720951 BRG720939:BRG720951 CBC720939:CBC720951 CKY720939:CKY720951 CUU720939:CUU720951 DEQ720939:DEQ720951 DOM720939:DOM720951 DYI720939:DYI720951 EIE720939:EIE720951 ESA720939:ESA720951 FBW720939:FBW720951 FLS720939:FLS720951 FVO720939:FVO720951 GFK720939:GFK720951 GPG720939:GPG720951 GZC720939:GZC720951 HIY720939:HIY720951 HSU720939:HSU720951 ICQ720939:ICQ720951 IMM720939:IMM720951 IWI720939:IWI720951 JGE720939:JGE720951 JQA720939:JQA720951 JZW720939:JZW720951 KJS720939:KJS720951 KTO720939:KTO720951 LDK720939:LDK720951 LNG720939:LNG720951 LXC720939:LXC720951 MGY720939:MGY720951 MQU720939:MQU720951 NAQ720939:NAQ720951 NKM720939:NKM720951 NUI720939:NUI720951 OEE720939:OEE720951 OOA720939:OOA720951 OXW720939:OXW720951 PHS720939:PHS720951 PRO720939:PRO720951 QBK720939:QBK720951 QLG720939:QLG720951 QVC720939:QVC720951 REY720939:REY720951 ROU720939:ROU720951 RYQ720939:RYQ720951 SIM720939:SIM720951 SSI720939:SSI720951 TCE720939:TCE720951 TMA720939:TMA720951 TVW720939:TVW720951 UFS720939:UFS720951 UPO720939:UPO720951 UZK720939:UZK720951 VJG720939:VJG720951 VTC720939:VTC720951 WCY720939:WCY720951 WMU720939:WMU720951 WWQ720939:WWQ720951 AI786475:AI786487 KE786475:KE786487 UA786475:UA786487 ADW786475:ADW786487 ANS786475:ANS786487 AXO786475:AXO786487 BHK786475:BHK786487 BRG786475:BRG786487 CBC786475:CBC786487 CKY786475:CKY786487 CUU786475:CUU786487 DEQ786475:DEQ786487 DOM786475:DOM786487 DYI786475:DYI786487 EIE786475:EIE786487 ESA786475:ESA786487 FBW786475:FBW786487 FLS786475:FLS786487 FVO786475:FVO786487 GFK786475:GFK786487 GPG786475:GPG786487 GZC786475:GZC786487 HIY786475:HIY786487 HSU786475:HSU786487 ICQ786475:ICQ786487 IMM786475:IMM786487 IWI786475:IWI786487 JGE786475:JGE786487 JQA786475:JQA786487 JZW786475:JZW786487 KJS786475:KJS786487 KTO786475:KTO786487 LDK786475:LDK786487 LNG786475:LNG786487 LXC786475:LXC786487 MGY786475:MGY786487 MQU786475:MQU786487 NAQ786475:NAQ786487 NKM786475:NKM786487 NUI786475:NUI786487 OEE786475:OEE786487 OOA786475:OOA786487 OXW786475:OXW786487 PHS786475:PHS786487 PRO786475:PRO786487 QBK786475:QBK786487 QLG786475:QLG786487 QVC786475:QVC786487 REY786475:REY786487 ROU786475:ROU786487 RYQ786475:RYQ786487 SIM786475:SIM786487 SSI786475:SSI786487 TCE786475:TCE786487 TMA786475:TMA786487 TVW786475:TVW786487 UFS786475:UFS786487 UPO786475:UPO786487 UZK786475:UZK786487 VJG786475:VJG786487 VTC786475:VTC786487 WCY786475:WCY786487 WMU786475:WMU786487 WWQ786475:WWQ786487 AI852011:AI852023 KE852011:KE852023 UA852011:UA852023 ADW852011:ADW852023 ANS852011:ANS852023 AXO852011:AXO852023 BHK852011:BHK852023 BRG852011:BRG852023 CBC852011:CBC852023 CKY852011:CKY852023 CUU852011:CUU852023 DEQ852011:DEQ852023 DOM852011:DOM852023 DYI852011:DYI852023 EIE852011:EIE852023 ESA852011:ESA852023 FBW852011:FBW852023 FLS852011:FLS852023 FVO852011:FVO852023 GFK852011:GFK852023 GPG852011:GPG852023 GZC852011:GZC852023 HIY852011:HIY852023 HSU852011:HSU852023 ICQ852011:ICQ852023 IMM852011:IMM852023 IWI852011:IWI852023 JGE852011:JGE852023 JQA852011:JQA852023 JZW852011:JZW852023 KJS852011:KJS852023 KTO852011:KTO852023 LDK852011:LDK852023 LNG852011:LNG852023 LXC852011:LXC852023 MGY852011:MGY852023 MQU852011:MQU852023 NAQ852011:NAQ852023 NKM852011:NKM852023 NUI852011:NUI852023 OEE852011:OEE852023 OOA852011:OOA852023 OXW852011:OXW852023 PHS852011:PHS852023 PRO852011:PRO852023 QBK852011:QBK852023 QLG852011:QLG852023 QVC852011:QVC852023 REY852011:REY852023 ROU852011:ROU852023 RYQ852011:RYQ852023 SIM852011:SIM852023 SSI852011:SSI852023 TCE852011:TCE852023 TMA852011:TMA852023 TVW852011:TVW852023 UFS852011:UFS852023 UPO852011:UPO852023 UZK852011:UZK852023 VJG852011:VJG852023 VTC852011:VTC852023 WCY852011:WCY852023 WMU852011:WMU852023 WWQ852011:WWQ852023 AI917547:AI917559 KE917547:KE917559 UA917547:UA917559 ADW917547:ADW917559 ANS917547:ANS917559 AXO917547:AXO917559 BHK917547:BHK917559 BRG917547:BRG917559 CBC917547:CBC917559 CKY917547:CKY917559 CUU917547:CUU917559 DEQ917547:DEQ917559 DOM917547:DOM917559 DYI917547:DYI917559 EIE917547:EIE917559 ESA917547:ESA917559 FBW917547:FBW917559 FLS917547:FLS917559 FVO917547:FVO917559 GFK917547:GFK917559 GPG917547:GPG917559 GZC917547:GZC917559 HIY917547:HIY917559 HSU917547:HSU917559 ICQ917547:ICQ917559 IMM917547:IMM917559 IWI917547:IWI917559 JGE917547:JGE917559 JQA917547:JQA917559 JZW917547:JZW917559 KJS917547:KJS917559 KTO917547:KTO917559 LDK917547:LDK917559 LNG917547:LNG917559 LXC917547:LXC917559 MGY917547:MGY917559 MQU917547:MQU917559 NAQ917547:NAQ917559 NKM917547:NKM917559 NUI917547:NUI917559 OEE917547:OEE917559 OOA917547:OOA917559 OXW917547:OXW917559 PHS917547:PHS917559 PRO917547:PRO917559 QBK917547:QBK917559 QLG917547:QLG917559 QVC917547:QVC917559 REY917547:REY917559 ROU917547:ROU917559 RYQ917547:RYQ917559 SIM917547:SIM917559 SSI917547:SSI917559 TCE917547:TCE917559 TMA917547:TMA917559 TVW917547:TVW917559 UFS917547:UFS917559 UPO917547:UPO917559 UZK917547:UZK917559 VJG917547:VJG917559 VTC917547:VTC917559 WCY917547:WCY917559 WMU917547:WMU917559 WWQ917547:WWQ917559 AI983083:AI983095 KE983083:KE983095 UA983083:UA983095 ADW983083:ADW983095 ANS983083:ANS983095 AXO983083:AXO983095 BHK983083:BHK983095 BRG983083:BRG983095 CBC983083:CBC983095 CKY983083:CKY983095 CUU983083:CUU983095 DEQ983083:DEQ983095 DOM983083:DOM983095 DYI983083:DYI983095 EIE983083:EIE983095 ESA983083:ESA983095 FBW983083:FBW983095 FLS983083:FLS983095 FVO983083:FVO983095 GFK983083:GFK983095 GPG983083:GPG983095 GZC983083:GZC983095 HIY983083:HIY983095 HSU983083:HSU983095 ICQ983083:ICQ983095 IMM983083:IMM983095 IWI983083:IWI983095 JGE983083:JGE983095 JQA983083:JQA983095 JZW983083:JZW983095 KJS983083:KJS983095 KTO983083:KTO983095 LDK983083:LDK983095 LNG983083:LNG983095 LXC983083:LXC983095 MGY983083:MGY983095 MQU983083:MQU983095 NAQ983083:NAQ983095 NKM983083:NKM983095 NUI983083:NUI983095 OEE983083:OEE983095 OOA983083:OOA983095 OXW983083:OXW983095 PHS983083:PHS983095 PRO983083:PRO983095 QBK983083:QBK983095 QLG983083:QLG983095 QVC983083:QVC983095 REY983083:REY983095 ROU983083:ROU983095 RYQ983083:RYQ983095 SIM983083:SIM983095 SSI983083:SSI983095 TCE983083:TCE983095 TMA983083:TMA983095 TVW983083:TVW983095 UFS983083:UFS983095 UPO983083:UPO983095 UZK983083:UZK983095 VJG983083:VJG983095 VTC983083:VTC983095 WCY983083:WCY983095 WMU983083:WMU983095 WWQ983083:WWQ983095" xr:uid="{133CA63E-7C82-4137-8F33-EEFAAEE2AA6E}">
      <formula1>"□,■"</formula1>
    </dataValidation>
    <dataValidation type="list" allowBlank="1" showInputMessage="1" showErrorMessage="1" sqref="M43:N57 JI43:JJ57 TE43:TF57 ADA43:ADB57 AMW43:AMX57 AWS43:AWT57 BGO43:BGP57 BQK43:BQL57 CAG43:CAH57 CKC43:CKD57 CTY43:CTZ57 DDU43:DDV57 DNQ43:DNR57 DXM43:DXN57 EHI43:EHJ57 ERE43:ERF57 FBA43:FBB57 FKW43:FKX57 FUS43:FUT57 GEO43:GEP57 GOK43:GOL57 GYG43:GYH57 HIC43:HID57 HRY43:HRZ57 IBU43:IBV57 ILQ43:ILR57 IVM43:IVN57 JFI43:JFJ57 JPE43:JPF57 JZA43:JZB57 KIW43:KIX57 KSS43:KST57 LCO43:LCP57 LMK43:LML57 LWG43:LWH57 MGC43:MGD57 MPY43:MPZ57 MZU43:MZV57 NJQ43:NJR57 NTM43:NTN57 ODI43:ODJ57 ONE43:ONF57 OXA43:OXB57 PGW43:PGX57 PQS43:PQT57 QAO43:QAP57 QKK43:QKL57 QUG43:QUH57 REC43:RED57 RNY43:RNZ57 RXU43:RXV57 SHQ43:SHR57 SRM43:SRN57 TBI43:TBJ57 TLE43:TLF57 TVA43:TVB57 UEW43:UEX57 UOS43:UOT57 UYO43:UYP57 VIK43:VIL57 VSG43:VSH57 WCC43:WCD57 WLY43:WLZ57 WVU43:WVV57 M65579:N65593 JI65579:JJ65593 TE65579:TF65593 ADA65579:ADB65593 AMW65579:AMX65593 AWS65579:AWT65593 BGO65579:BGP65593 BQK65579:BQL65593 CAG65579:CAH65593 CKC65579:CKD65593 CTY65579:CTZ65593 DDU65579:DDV65593 DNQ65579:DNR65593 DXM65579:DXN65593 EHI65579:EHJ65593 ERE65579:ERF65593 FBA65579:FBB65593 FKW65579:FKX65593 FUS65579:FUT65593 GEO65579:GEP65593 GOK65579:GOL65593 GYG65579:GYH65593 HIC65579:HID65593 HRY65579:HRZ65593 IBU65579:IBV65593 ILQ65579:ILR65593 IVM65579:IVN65593 JFI65579:JFJ65593 JPE65579:JPF65593 JZA65579:JZB65593 KIW65579:KIX65593 KSS65579:KST65593 LCO65579:LCP65593 LMK65579:LML65593 LWG65579:LWH65593 MGC65579:MGD65593 MPY65579:MPZ65593 MZU65579:MZV65593 NJQ65579:NJR65593 NTM65579:NTN65593 ODI65579:ODJ65593 ONE65579:ONF65593 OXA65579:OXB65593 PGW65579:PGX65593 PQS65579:PQT65593 QAO65579:QAP65593 QKK65579:QKL65593 QUG65579:QUH65593 REC65579:RED65593 RNY65579:RNZ65593 RXU65579:RXV65593 SHQ65579:SHR65593 SRM65579:SRN65593 TBI65579:TBJ65593 TLE65579:TLF65593 TVA65579:TVB65593 UEW65579:UEX65593 UOS65579:UOT65593 UYO65579:UYP65593 VIK65579:VIL65593 VSG65579:VSH65593 WCC65579:WCD65593 WLY65579:WLZ65593 WVU65579:WVV65593 M131115:N131129 JI131115:JJ131129 TE131115:TF131129 ADA131115:ADB131129 AMW131115:AMX131129 AWS131115:AWT131129 BGO131115:BGP131129 BQK131115:BQL131129 CAG131115:CAH131129 CKC131115:CKD131129 CTY131115:CTZ131129 DDU131115:DDV131129 DNQ131115:DNR131129 DXM131115:DXN131129 EHI131115:EHJ131129 ERE131115:ERF131129 FBA131115:FBB131129 FKW131115:FKX131129 FUS131115:FUT131129 GEO131115:GEP131129 GOK131115:GOL131129 GYG131115:GYH131129 HIC131115:HID131129 HRY131115:HRZ131129 IBU131115:IBV131129 ILQ131115:ILR131129 IVM131115:IVN131129 JFI131115:JFJ131129 JPE131115:JPF131129 JZA131115:JZB131129 KIW131115:KIX131129 KSS131115:KST131129 LCO131115:LCP131129 LMK131115:LML131129 LWG131115:LWH131129 MGC131115:MGD131129 MPY131115:MPZ131129 MZU131115:MZV131129 NJQ131115:NJR131129 NTM131115:NTN131129 ODI131115:ODJ131129 ONE131115:ONF131129 OXA131115:OXB131129 PGW131115:PGX131129 PQS131115:PQT131129 QAO131115:QAP131129 QKK131115:QKL131129 QUG131115:QUH131129 REC131115:RED131129 RNY131115:RNZ131129 RXU131115:RXV131129 SHQ131115:SHR131129 SRM131115:SRN131129 TBI131115:TBJ131129 TLE131115:TLF131129 TVA131115:TVB131129 UEW131115:UEX131129 UOS131115:UOT131129 UYO131115:UYP131129 VIK131115:VIL131129 VSG131115:VSH131129 WCC131115:WCD131129 WLY131115:WLZ131129 WVU131115:WVV131129 M196651:N196665 JI196651:JJ196665 TE196651:TF196665 ADA196651:ADB196665 AMW196651:AMX196665 AWS196651:AWT196665 BGO196651:BGP196665 BQK196651:BQL196665 CAG196651:CAH196665 CKC196651:CKD196665 CTY196651:CTZ196665 DDU196651:DDV196665 DNQ196651:DNR196665 DXM196651:DXN196665 EHI196651:EHJ196665 ERE196651:ERF196665 FBA196651:FBB196665 FKW196651:FKX196665 FUS196651:FUT196665 GEO196651:GEP196665 GOK196651:GOL196665 GYG196651:GYH196665 HIC196651:HID196665 HRY196651:HRZ196665 IBU196651:IBV196665 ILQ196651:ILR196665 IVM196651:IVN196665 JFI196651:JFJ196665 JPE196651:JPF196665 JZA196651:JZB196665 KIW196651:KIX196665 KSS196651:KST196665 LCO196651:LCP196665 LMK196651:LML196665 LWG196651:LWH196665 MGC196651:MGD196665 MPY196651:MPZ196665 MZU196651:MZV196665 NJQ196651:NJR196665 NTM196651:NTN196665 ODI196651:ODJ196665 ONE196651:ONF196665 OXA196651:OXB196665 PGW196651:PGX196665 PQS196651:PQT196665 QAO196651:QAP196665 QKK196651:QKL196665 QUG196651:QUH196665 REC196651:RED196665 RNY196651:RNZ196665 RXU196651:RXV196665 SHQ196651:SHR196665 SRM196651:SRN196665 TBI196651:TBJ196665 TLE196651:TLF196665 TVA196651:TVB196665 UEW196651:UEX196665 UOS196651:UOT196665 UYO196651:UYP196665 VIK196651:VIL196665 VSG196651:VSH196665 WCC196651:WCD196665 WLY196651:WLZ196665 WVU196651:WVV196665 M262187:N262201 JI262187:JJ262201 TE262187:TF262201 ADA262187:ADB262201 AMW262187:AMX262201 AWS262187:AWT262201 BGO262187:BGP262201 BQK262187:BQL262201 CAG262187:CAH262201 CKC262187:CKD262201 CTY262187:CTZ262201 DDU262187:DDV262201 DNQ262187:DNR262201 DXM262187:DXN262201 EHI262187:EHJ262201 ERE262187:ERF262201 FBA262187:FBB262201 FKW262187:FKX262201 FUS262187:FUT262201 GEO262187:GEP262201 GOK262187:GOL262201 GYG262187:GYH262201 HIC262187:HID262201 HRY262187:HRZ262201 IBU262187:IBV262201 ILQ262187:ILR262201 IVM262187:IVN262201 JFI262187:JFJ262201 JPE262187:JPF262201 JZA262187:JZB262201 KIW262187:KIX262201 KSS262187:KST262201 LCO262187:LCP262201 LMK262187:LML262201 LWG262187:LWH262201 MGC262187:MGD262201 MPY262187:MPZ262201 MZU262187:MZV262201 NJQ262187:NJR262201 NTM262187:NTN262201 ODI262187:ODJ262201 ONE262187:ONF262201 OXA262187:OXB262201 PGW262187:PGX262201 PQS262187:PQT262201 QAO262187:QAP262201 QKK262187:QKL262201 QUG262187:QUH262201 REC262187:RED262201 RNY262187:RNZ262201 RXU262187:RXV262201 SHQ262187:SHR262201 SRM262187:SRN262201 TBI262187:TBJ262201 TLE262187:TLF262201 TVA262187:TVB262201 UEW262187:UEX262201 UOS262187:UOT262201 UYO262187:UYP262201 VIK262187:VIL262201 VSG262187:VSH262201 WCC262187:WCD262201 WLY262187:WLZ262201 WVU262187:WVV262201 M327723:N327737 JI327723:JJ327737 TE327723:TF327737 ADA327723:ADB327737 AMW327723:AMX327737 AWS327723:AWT327737 BGO327723:BGP327737 BQK327723:BQL327737 CAG327723:CAH327737 CKC327723:CKD327737 CTY327723:CTZ327737 DDU327723:DDV327737 DNQ327723:DNR327737 DXM327723:DXN327737 EHI327723:EHJ327737 ERE327723:ERF327737 FBA327723:FBB327737 FKW327723:FKX327737 FUS327723:FUT327737 GEO327723:GEP327737 GOK327723:GOL327737 GYG327723:GYH327737 HIC327723:HID327737 HRY327723:HRZ327737 IBU327723:IBV327737 ILQ327723:ILR327737 IVM327723:IVN327737 JFI327723:JFJ327737 JPE327723:JPF327737 JZA327723:JZB327737 KIW327723:KIX327737 KSS327723:KST327737 LCO327723:LCP327737 LMK327723:LML327737 LWG327723:LWH327737 MGC327723:MGD327737 MPY327723:MPZ327737 MZU327723:MZV327737 NJQ327723:NJR327737 NTM327723:NTN327737 ODI327723:ODJ327737 ONE327723:ONF327737 OXA327723:OXB327737 PGW327723:PGX327737 PQS327723:PQT327737 QAO327723:QAP327737 QKK327723:QKL327737 QUG327723:QUH327737 REC327723:RED327737 RNY327723:RNZ327737 RXU327723:RXV327737 SHQ327723:SHR327737 SRM327723:SRN327737 TBI327723:TBJ327737 TLE327723:TLF327737 TVA327723:TVB327737 UEW327723:UEX327737 UOS327723:UOT327737 UYO327723:UYP327737 VIK327723:VIL327737 VSG327723:VSH327737 WCC327723:WCD327737 WLY327723:WLZ327737 WVU327723:WVV327737 M393259:N393273 JI393259:JJ393273 TE393259:TF393273 ADA393259:ADB393273 AMW393259:AMX393273 AWS393259:AWT393273 BGO393259:BGP393273 BQK393259:BQL393273 CAG393259:CAH393273 CKC393259:CKD393273 CTY393259:CTZ393273 DDU393259:DDV393273 DNQ393259:DNR393273 DXM393259:DXN393273 EHI393259:EHJ393273 ERE393259:ERF393273 FBA393259:FBB393273 FKW393259:FKX393273 FUS393259:FUT393273 GEO393259:GEP393273 GOK393259:GOL393273 GYG393259:GYH393273 HIC393259:HID393273 HRY393259:HRZ393273 IBU393259:IBV393273 ILQ393259:ILR393273 IVM393259:IVN393273 JFI393259:JFJ393273 JPE393259:JPF393273 JZA393259:JZB393273 KIW393259:KIX393273 KSS393259:KST393273 LCO393259:LCP393273 LMK393259:LML393273 LWG393259:LWH393273 MGC393259:MGD393273 MPY393259:MPZ393273 MZU393259:MZV393273 NJQ393259:NJR393273 NTM393259:NTN393273 ODI393259:ODJ393273 ONE393259:ONF393273 OXA393259:OXB393273 PGW393259:PGX393273 PQS393259:PQT393273 QAO393259:QAP393273 QKK393259:QKL393273 QUG393259:QUH393273 REC393259:RED393273 RNY393259:RNZ393273 RXU393259:RXV393273 SHQ393259:SHR393273 SRM393259:SRN393273 TBI393259:TBJ393273 TLE393259:TLF393273 TVA393259:TVB393273 UEW393259:UEX393273 UOS393259:UOT393273 UYO393259:UYP393273 VIK393259:VIL393273 VSG393259:VSH393273 WCC393259:WCD393273 WLY393259:WLZ393273 WVU393259:WVV393273 M458795:N458809 JI458795:JJ458809 TE458795:TF458809 ADA458795:ADB458809 AMW458795:AMX458809 AWS458795:AWT458809 BGO458795:BGP458809 BQK458795:BQL458809 CAG458795:CAH458809 CKC458795:CKD458809 CTY458795:CTZ458809 DDU458795:DDV458809 DNQ458795:DNR458809 DXM458795:DXN458809 EHI458795:EHJ458809 ERE458795:ERF458809 FBA458795:FBB458809 FKW458795:FKX458809 FUS458795:FUT458809 GEO458795:GEP458809 GOK458795:GOL458809 GYG458795:GYH458809 HIC458795:HID458809 HRY458795:HRZ458809 IBU458795:IBV458809 ILQ458795:ILR458809 IVM458795:IVN458809 JFI458795:JFJ458809 JPE458795:JPF458809 JZA458795:JZB458809 KIW458795:KIX458809 KSS458795:KST458809 LCO458795:LCP458809 LMK458795:LML458809 LWG458795:LWH458809 MGC458795:MGD458809 MPY458795:MPZ458809 MZU458795:MZV458809 NJQ458795:NJR458809 NTM458795:NTN458809 ODI458795:ODJ458809 ONE458795:ONF458809 OXA458795:OXB458809 PGW458795:PGX458809 PQS458795:PQT458809 QAO458795:QAP458809 QKK458795:QKL458809 QUG458795:QUH458809 REC458795:RED458809 RNY458795:RNZ458809 RXU458795:RXV458809 SHQ458795:SHR458809 SRM458795:SRN458809 TBI458795:TBJ458809 TLE458795:TLF458809 TVA458795:TVB458809 UEW458795:UEX458809 UOS458795:UOT458809 UYO458795:UYP458809 VIK458795:VIL458809 VSG458795:VSH458809 WCC458795:WCD458809 WLY458795:WLZ458809 WVU458795:WVV458809 M524331:N524345 JI524331:JJ524345 TE524331:TF524345 ADA524331:ADB524345 AMW524331:AMX524345 AWS524331:AWT524345 BGO524331:BGP524345 BQK524331:BQL524345 CAG524331:CAH524345 CKC524331:CKD524345 CTY524331:CTZ524345 DDU524331:DDV524345 DNQ524331:DNR524345 DXM524331:DXN524345 EHI524331:EHJ524345 ERE524331:ERF524345 FBA524331:FBB524345 FKW524331:FKX524345 FUS524331:FUT524345 GEO524331:GEP524345 GOK524331:GOL524345 GYG524331:GYH524345 HIC524331:HID524345 HRY524331:HRZ524345 IBU524331:IBV524345 ILQ524331:ILR524345 IVM524331:IVN524345 JFI524331:JFJ524345 JPE524331:JPF524345 JZA524331:JZB524345 KIW524331:KIX524345 KSS524331:KST524345 LCO524331:LCP524345 LMK524331:LML524345 LWG524331:LWH524345 MGC524331:MGD524345 MPY524331:MPZ524345 MZU524331:MZV524345 NJQ524331:NJR524345 NTM524331:NTN524345 ODI524331:ODJ524345 ONE524331:ONF524345 OXA524331:OXB524345 PGW524331:PGX524345 PQS524331:PQT524345 QAO524331:QAP524345 QKK524331:QKL524345 QUG524331:QUH524345 REC524331:RED524345 RNY524331:RNZ524345 RXU524331:RXV524345 SHQ524331:SHR524345 SRM524331:SRN524345 TBI524331:TBJ524345 TLE524331:TLF524345 TVA524331:TVB524345 UEW524331:UEX524345 UOS524331:UOT524345 UYO524331:UYP524345 VIK524331:VIL524345 VSG524331:VSH524345 WCC524331:WCD524345 WLY524331:WLZ524345 WVU524331:WVV524345 M589867:N589881 JI589867:JJ589881 TE589867:TF589881 ADA589867:ADB589881 AMW589867:AMX589881 AWS589867:AWT589881 BGO589867:BGP589881 BQK589867:BQL589881 CAG589867:CAH589881 CKC589867:CKD589881 CTY589867:CTZ589881 DDU589867:DDV589881 DNQ589867:DNR589881 DXM589867:DXN589881 EHI589867:EHJ589881 ERE589867:ERF589881 FBA589867:FBB589881 FKW589867:FKX589881 FUS589867:FUT589881 GEO589867:GEP589881 GOK589867:GOL589881 GYG589867:GYH589881 HIC589867:HID589881 HRY589867:HRZ589881 IBU589867:IBV589881 ILQ589867:ILR589881 IVM589867:IVN589881 JFI589867:JFJ589881 JPE589867:JPF589881 JZA589867:JZB589881 KIW589867:KIX589881 KSS589867:KST589881 LCO589867:LCP589881 LMK589867:LML589881 LWG589867:LWH589881 MGC589867:MGD589881 MPY589867:MPZ589881 MZU589867:MZV589881 NJQ589867:NJR589881 NTM589867:NTN589881 ODI589867:ODJ589881 ONE589867:ONF589881 OXA589867:OXB589881 PGW589867:PGX589881 PQS589867:PQT589881 QAO589867:QAP589881 QKK589867:QKL589881 QUG589867:QUH589881 REC589867:RED589881 RNY589867:RNZ589881 RXU589867:RXV589881 SHQ589867:SHR589881 SRM589867:SRN589881 TBI589867:TBJ589881 TLE589867:TLF589881 TVA589867:TVB589881 UEW589867:UEX589881 UOS589867:UOT589881 UYO589867:UYP589881 VIK589867:VIL589881 VSG589867:VSH589881 WCC589867:WCD589881 WLY589867:WLZ589881 WVU589867:WVV589881 M655403:N655417 JI655403:JJ655417 TE655403:TF655417 ADA655403:ADB655417 AMW655403:AMX655417 AWS655403:AWT655417 BGO655403:BGP655417 BQK655403:BQL655417 CAG655403:CAH655417 CKC655403:CKD655417 CTY655403:CTZ655417 DDU655403:DDV655417 DNQ655403:DNR655417 DXM655403:DXN655417 EHI655403:EHJ655417 ERE655403:ERF655417 FBA655403:FBB655417 FKW655403:FKX655417 FUS655403:FUT655417 GEO655403:GEP655417 GOK655403:GOL655417 GYG655403:GYH655417 HIC655403:HID655417 HRY655403:HRZ655417 IBU655403:IBV655417 ILQ655403:ILR655417 IVM655403:IVN655417 JFI655403:JFJ655417 JPE655403:JPF655417 JZA655403:JZB655417 KIW655403:KIX655417 KSS655403:KST655417 LCO655403:LCP655417 LMK655403:LML655417 LWG655403:LWH655417 MGC655403:MGD655417 MPY655403:MPZ655417 MZU655403:MZV655417 NJQ655403:NJR655417 NTM655403:NTN655417 ODI655403:ODJ655417 ONE655403:ONF655417 OXA655403:OXB655417 PGW655403:PGX655417 PQS655403:PQT655417 QAO655403:QAP655417 QKK655403:QKL655417 QUG655403:QUH655417 REC655403:RED655417 RNY655403:RNZ655417 RXU655403:RXV655417 SHQ655403:SHR655417 SRM655403:SRN655417 TBI655403:TBJ655417 TLE655403:TLF655417 TVA655403:TVB655417 UEW655403:UEX655417 UOS655403:UOT655417 UYO655403:UYP655417 VIK655403:VIL655417 VSG655403:VSH655417 WCC655403:WCD655417 WLY655403:WLZ655417 WVU655403:WVV655417 M720939:N720953 JI720939:JJ720953 TE720939:TF720953 ADA720939:ADB720953 AMW720939:AMX720953 AWS720939:AWT720953 BGO720939:BGP720953 BQK720939:BQL720953 CAG720939:CAH720953 CKC720939:CKD720953 CTY720939:CTZ720953 DDU720939:DDV720953 DNQ720939:DNR720953 DXM720939:DXN720953 EHI720939:EHJ720953 ERE720939:ERF720953 FBA720939:FBB720953 FKW720939:FKX720953 FUS720939:FUT720953 GEO720939:GEP720953 GOK720939:GOL720953 GYG720939:GYH720953 HIC720939:HID720953 HRY720939:HRZ720953 IBU720939:IBV720953 ILQ720939:ILR720953 IVM720939:IVN720953 JFI720939:JFJ720953 JPE720939:JPF720953 JZA720939:JZB720953 KIW720939:KIX720953 KSS720939:KST720953 LCO720939:LCP720953 LMK720939:LML720953 LWG720939:LWH720953 MGC720939:MGD720953 MPY720939:MPZ720953 MZU720939:MZV720953 NJQ720939:NJR720953 NTM720939:NTN720953 ODI720939:ODJ720953 ONE720939:ONF720953 OXA720939:OXB720953 PGW720939:PGX720953 PQS720939:PQT720953 QAO720939:QAP720953 QKK720939:QKL720953 QUG720939:QUH720953 REC720939:RED720953 RNY720939:RNZ720953 RXU720939:RXV720953 SHQ720939:SHR720953 SRM720939:SRN720953 TBI720939:TBJ720953 TLE720939:TLF720953 TVA720939:TVB720953 UEW720939:UEX720953 UOS720939:UOT720953 UYO720939:UYP720953 VIK720939:VIL720953 VSG720939:VSH720953 WCC720939:WCD720953 WLY720939:WLZ720953 WVU720939:WVV720953 M786475:N786489 JI786475:JJ786489 TE786475:TF786489 ADA786475:ADB786489 AMW786475:AMX786489 AWS786475:AWT786489 BGO786475:BGP786489 BQK786475:BQL786489 CAG786475:CAH786489 CKC786475:CKD786489 CTY786475:CTZ786489 DDU786475:DDV786489 DNQ786475:DNR786489 DXM786475:DXN786489 EHI786475:EHJ786489 ERE786475:ERF786489 FBA786475:FBB786489 FKW786475:FKX786489 FUS786475:FUT786489 GEO786475:GEP786489 GOK786475:GOL786489 GYG786475:GYH786489 HIC786475:HID786489 HRY786475:HRZ786489 IBU786475:IBV786489 ILQ786475:ILR786489 IVM786475:IVN786489 JFI786475:JFJ786489 JPE786475:JPF786489 JZA786475:JZB786489 KIW786475:KIX786489 KSS786475:KST786489 LCO786475:LCP786489 LMK786475:LML786489 LWG786475:LWH786489 MGC786475:MGD786489 MPY786475:MPZ786489 MZU786475:MZV786489 NJQ786475:NJR786489 NTM786475:NTN786489 ODI786475:ODJ786489 ONE786475:ONF786489 OXA786475:OXB786489 PGW786475:PGX786489 PQS786475:PQT786489 QAO786475:QAP786489 QKK786475:QKL786489 QUG786475:QUH786489 REC786475:RED786489 RNY786475:RNZ786489 RXU786475:RXV786489 SHQ786475:SHR786489 SRM786475:SRN786489 TBI786475:TBJ786489 TLE786475:TLF786489 TVA786475:TVB786489 UEW786475:UEX786489 UOS786475:UOT786489 UYO786475:UYP786489 VIK786475:VIL786489 VSG786475:VSH786489 WCC786475:WCD786489 WLY786475:WLZ786489 WVU786475:WVV786489 M852011:N852025 JI852011:JJ852025 TE852011:TF852025 ADA852011:ADB852025 AMW852011:AMX852025 AWS852011:AWT852025 BGO852011:BGP852025 BQK852011:BQL852025 CAG852011:CAH852025 CKC852011:CKD852025 CTY852011:CTZ852025 DDU852011:DDV852025 DNQ852011:DNR852025 DXM852011:DXN852025 EHI852011:EHJ852025 ERE852011:ERF852025 FBA852011:FBB852025 FKW852011:FKX852025 FUS852011:FUT852025 GEO852011:GEP852025 GOK852011:GOL852025 GYG852011:GYH852025 HIC852011:HID852025 HRY852011:HRZ852025 IBU852011:IBV852025 ILQ852011:ILR852025 IVM852011:IVN852025 JFI852011:JFJ852025 JPE852011:JPF852025 JZA852011:JZB852025 KIW852011:KIX852025 KSS852011:KST852025 LCO852011:LCP852025 LMK852011:LML852025 LWG852011:LWH852025 MGC852011:MGD852025 MPY852011:MPZ852025 MZU852011:MZV852025 NJQ852011:NJR852025 NTM852011:NTN852025 ODI852011:ODJ852025 ONE852011:ONF852025 OXA852011:OXB852025 PGW852011:PGX852025 PQS852011:PQT852025 QAO852011:QAP852025 QKK852011:QKL852025 QUG852011:QUH852025 REC852011:RED852025 RNY852011:RNZ852025 RXU852011:RXV852025 SHQ852011:SHR852025 SRM852011:SRN852025 TBI852011:TBJ852025 TLE852011:TLF852025 TVA852011:TVB852025 UEW852011:UEX852025 UOS852011:UOT852025 UYO852011:UYP852025 VIK852011:VIL852025 VSG852011:VSH852025 WCC852011:WCD852025 WLY852011:WLZ852025 WVU852011:WVV852025 M917547:N917561 JI917547:JJ917561 TE917547:TF917561 ADA917547:ADB917561 AMW917547:AMX917561 AWS917547:AWT917561 BGO917547:BGP917561 BQK917547:BQL917561 CAG917547:CAH917561 CKC917547:CKD917561 CTY917547:CTZ917561 DDU917547:DDV917561 DNQ917547:DNR917561 DXM917547:DXN917561 EHI917547:EHJ917561 ERE917547:ERF917561 FBA917547:FBB917561 FKW917547:FKX917561 FUS917547:FUT917561 GEO917547:GEP917561 GOK917547:GOL917561 GYG917547:GYH917561 HIC917547:HID917561 HRY917547:HRZ917561 IBU917547:IBV917561 ILQ917547:ILR917561 IVM917547:IVN917561 JFI917547:JFJ917561 JPE917547:JPF917561 JZA917547:JZB917561 KIW917547:KIX917561 KSS917547:KST917561 LCO917547:LCP917561 LMK917547:LML917561 LWG917547:LWH917561 MGC917547:MGD917561 MPY917547:MPZ917561 MZU917547:MZV917561 NJQ917547:NJR917561 NTM917547:NTN917561 ODI917547:ODJ917561 ONE917547:ONF917561 OXA917547:OXB917561 PGW917547:PGX917561 PQS917547:PQT917561 QAO917547:QAP917561 QKK917547:QKL917561 QUG917547:QUH917561 REC917547:RED917561 RNY917547:RNZ917561 RXU917547:RXV917561 SHQ917547:SHR917561 SRM917547:SRN917561 TBI917547:TBJ917561 TLE917547:TLF917561 TVA917547:TVB917561 UEW917547:UEX917561 UOS917547:UOT917561 UYO917547:UYP917561 VIK917547:VIL917561 VSG917547:VSH917561 WCC917547:WCD917561 WLY917547:WLZ917561 WVU917547:WVV917561 M983083:N983097 JI983083:JJ983097 TE983083:TF983097 ADA983083:ADB983097 AMW983083:AMX983097 AWS983083:AWT983097 BGO983083:BGP983097 BQK983083:BQL983097 CAG983083:CAH983097 CKC983083:CKD983097 CTY983083:CTZ983097 DDU983083:DDV983097 DNQ983083:DNR983097 DXM983083:DXN983097 EHI983083:EHJ983097 ERE983083:ERF983097 FBA983083:FBB983097 FKW983083:FKX983097 FUS983083:FUT983097 GEO983083:GEP983097 GOK983083:GOL983097 GYG983083:GYH983097 HIC983083:HID983097 HRY983083:HRZ983097 IBU983083:IBV983097 ILQ983083:ILR983097 IVM983083:IVN983097 JFI983083:JFJ983097 JPE983083:JPF983097 JZA983083:JZB983097 KIW983083:KIX983097 KSS983083:KST983097 LCO983083:LCP983097 LMK983083:LML983097 LWG983083:LWH983097 MGC983083:MGD983097 MPY983083:MPZ983097 MZU983083:MZV983097 NJQ983083:NJR983097 NTM983083:NTN983097 ODI983083:ODJ983097 ONE983083:ONF983097 OXA983083:OXB983097 PGW983083:PGX983097 PQS983083:PQT983097 QAO983083:QAP983097 QKK983083:QKL983097 QUG983083:QUH983097 REC983083:RED983097 RNY983083:RNZ983097 RXU983083:RXV983097 SHQ983083:SHR983097 SRM983083:SRN983097 TBI983083:TBJ983097 TLE983083:TLF983097 TVA983083:TVB983097 UEW983083:UEX983097 UOS983083:UOT983097 UYO983083:UYP983097 VIK983083:VIL983097 VSG983083:VSH983097 WCC983083:WCD983097 WLY983083:WLZ983097 WVU983083:WVV983097" xr:uid="{B0BE2FBA-7A64-41B9-B0C3-3ED9150019E5}">
      <formula1>"○"</formula1>
    </dataValidation>
  </dataValidations>
  <printOptions horizontalCentered="1"/>
  <pageMargins left="0.23622047244094491" right="0.23622047244094491" top="0.74803149606299213" bottom="0.74803149606299213" header="0.31496062992125984" footer="0.31496062992125984"/>
  <pageSetup paperSize="9" scale="74" orientation="portrait" cellComments="asDisplayed" r:id="rId1"/>
  <headerFooter alignWithMargins="0"/>
  <rowBreaks count="2" manualBreakCount="2">
    <brk id="42" max="36" man="1"/>
    <brk id="162" max="16383" man="1"/>
  </rowBreaks>
  <colBreaks count="2" manualBreakCount="2">
    <brk id="1" max="1048575" man="1"/>
    <brk id="26" max="76"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3－2</vt:lpstr>
      <vt:lpstr>'別紙3－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手塚 七海</dc:creator>
  <cp:lastModifiedBy>手塚 七海</cp:lastModifiedBy>
  <dcterms:created xsi:type="dcterms:W3CDTF">2026-03-27T08:57:19Z</dcterms:created>
  <dcterms:modified xsi:type="dcterms:W3CDTF">2026-03-27T09:08:53Z</dcterms:modified>
</cp:coreProperties>
</file>